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/>
  <bookViews>
    <workbookView xWindow="-110" yWindow="-110" windowWidth="23270" windowHeight="12590" tabRatio="812"/>
  </bookViews>
  <sheets>
    <sheet name="歳入予算一覧" sheetId="87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歳入予算一覧!$A$1:$K$34</definedName>
    <definedName name="rrr">'[1]様式16（見直しチェックシート）'!$U$53:$V$53</definedName>
    <definedName name="分類">'[2]様式17(見直し一覧)'!$A$38:$A$47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33" i="87" l="1"/>
  <c r="I33" i="87"/>
  <c r="G33" i="87"/>
  <c r="H10" i="87"/>
  <c r="I10" i="87"/>
  <c r="G10" i="87"/>
  <c r="G31" i="87" l="1"/>
  <c r="G30" i="87" s="1"/>
  <c r="G29" i="87" s="1"/>
  <c r="G28" i="87" s="1"/>
  <c r="G27" i="87" s="1"/>
  <c r="G23" i="87"/>
  <c r="G22" i="87" s="1"/>
  <c r="G21" i="87" s="1"/>
  <c r="G20" i="87" s="1"/>
  <c r="G18" i="87"/>
  <c r="G17" i="87" s="1"/>
  <c r="G16" i="87" s="1"/>
  <c r="G15" i="87" s="1"/>
  <c r="G13" i="87"/>
  <c r="G11" i="87"/>
  <c r="G9" i="87"/>
  <c r="G8" i="87" s="1"/>
  <c r="H23" i="87" l="1"/>
  <c r="H22" i="87" s="1"/>
  <c r="H21" i="87" s="1"/>
  <c r="H20" i="87" s="1"/>
  <c r="H13" i="87" l="1"/>
  <c r="I26" i="87"/>
  <c r="I25" i="87"/>
  <c r="I24" i="87"/>
  <c r="I14" i="87"/>
  <c r="I12" i="87"/>
  <c r="H9" i="87" l="1"/>
  <c r="H8" i="87" s="1"/>
  <c r="H11" i="87"/>
  <c r="I11" i="87" s="1"/>
  <c r="I13" i="87"/>
  <c r="I23" i="87"/>
  <c r="H18" i="87" l="1"/>
  <c r="I19" i="87"/>
  <c r="I22" i="87"/>
  <c r="H31" i="87" l="1"/>
  <c r="I32" i="87"/>
  <c r="H17" i="87"/>
  <c r="I18" i="87"/>
  <c r="I9" i="87"/>
  <c r="H30" i="87" l="1"/>
  <c r="I31" i="87"/>
  <c r="H16" i="87"/>
  <c r="I16" i="87" s="1"/>
  <c r="I17" i="87"/>
  <c r="I20" i="87"/>
  <c r="I8" i="87"/>
  <c r="I21" i="87"/>
  <c r="H29" i="87" l="1"/>
  <c r="I30" i="87"/>
  <c r="H15" i="87"/>
  <c r="I15" i="87" l="1"/>
  <c r="H28" i="87"/>
  <c r="I29" i="87"/>
  <c r="H27" i="87" l="1"/>
  <c r="I28" i="87"/>
  <c r="I27" i="87" l="1"/>
</calcChain>
</file>

<file path=xl/sharedStrings.xml><?xml version="1.0" encoding="utf-8"?>
<sst xmlns="http://schemas.openxmlformats.org/spreadsheetml/2006/main" count="39" uniqueCount="39">
  <si>
    <t>(単位：千円)</t>
    <phoneticPr fontId="4"/>
  </si>
  <si>
    <t>通し</t>
    <phoneticPr fontId="4"/>
  </si>
  <si>
    <t>科目</t>
    <rPh sb="0" eb="2">
      <t>カモク</t>
    </rPh>
    <phoneticPr fontId="4"/>
  </si>
  <si>
    <t>番号</t>
    <phoneticPr fontId="4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4"/>
  </si>
  <si>
    <t>説明</t>
    <rPh sb="0" eb="2">
      <t>セツメイ</t>
    </rPh>
    <phoneticPr fontId="5"/>
  </si>
  <si>
    <t>増減</t>
    <rPh sb="0" eb="2">
      <t>ゾウゲン</t>
    </rPh>
    <phoneticPr fontId="4"/>
  </si>
  <si>
    <t>備考</t>
    <phoneticPr fontId="4"/>
  </si>
  <si>
    <t>当初①</t>
    <rPh sb="0" eb="2">
      <t>トウショ</t>
    </rPh>
    <phoneticPr fontId="10"/>
  </si>
  <si>
    <t>(②-①)</t>
  </si>
  <si>
    <t>16款　使用料及手数料</t>
    <rPh sb="2" eb="3">
      <t>カン</t>
    </rPh>
    <rPh sb="4" eb="7">
      <t>シヨウリョウ</t>
    </rPh>
    <rPh sb="7" eb="8">
      <t>オヨ</t>
    </rPh>
    <rPh sb="8" eb="11">
      <t>テスウリョウ</t>
    </rPh>
    <phoneticPr fontId="10"/>
  </si>
  <si>
    <t>1項　使用料</t>
    <rPh sb="1" eb="2">
      <t>コウ</t>
    </rPh>
    <rPh sb="3" eb="6">
      <t>シヨウリョウ</t>
    </rPh>
    <phoneticPr fontId="10"/>
  </si>
  <si>
    <t>1目　総務使用料</t>
    <rPh sb="1" eb="2">
      <t>モク</t>
    </rPh>
    <rPh sb="3" eb="5">
      <t>ソウム</t>
    </rPh>
    <rPh sb="5" eb="8">
      <t>シヨウリョウ</t>
    </rPh>
    <phoneticPr fontId="10"/>
  </si>
  <si>
    <t>1節　区役所付設会館使用料</t>
    <rPh sb="1" eb="2">
      <t>セツ</t>
    </rPh>
    <rPh sb="3" eb="4">
      <t>ク</t>
    </rPh>
    <rPh sb="4" eb="6">
      <t>ヤクショ</t>
    </rPh>
    <rPh sb="6" eb="8">
      <t>フセツ</t>
    </rPh>
    <rPh sb="8" eb="10">
      <t>カイカン</t>
    </rPh>
    <rPh sb="10" eb="13">
      <t>シヨウリョウ</t>
    </rPh>
    <phoneticPr fontId="10"/>
  </si>
  <si>
    <t>2節　其他使用料</t>
    <rPh sb="1" eb="2">
      <t>セツ</t>
    </rPh>
    <rPh sb="3" eb="5">
      <t>ソノタ</t>
    </rPh>
    <rPh sb="5" eb="8">
      <t>シヨウリョウ</t>
    </rPh>
    <phoneticPr fontId="10"/>
  </si>
  <si>
    <t>行政財産の目的外使用料</t>
    <rPh sb="0" eb="2">
      <t>ギョウセイ</t>
    </rPh>
    <rPh sb="2" eb="4">
      <t>ザイサン</t>
    </rPh>
    <rPh sb="5" eb="7">
      <t>モクテキ</t>
    </rPh>
    <rPh sb="7" eb="8">
      <t>ガイ</t>
    </rPh>
    <rPh sb="8" eb="10">
      <t>シヨウ</t>
    </rPh>
    <rPh sb="10" eb="11">
      <t>リョウ</t>
    </rPh>
    <phoneticPr fontId="10"/>
  </si>
  <si>
    <t>17款　国庫支出金</t>
    <rPh sb="2" eb="3">
      <t>カン</t>
    </rPh>
    <rPh sb="4" eb="6">
      <t>コッコ</t>
    </rPh>
    <rPh sb="6" eb="9">
      <t>シシュツキン</t>
    </rPh>
    <phoneticPr fontId="10"/>
  </si>
  <si>
    <t>2項　国庫補助金</t>
    <rPh sb="1" eb="2">
      <t>コウ</t>
    </rPh>
    <rPh sb="3" eb="5">
      <t>コッコ</t>
    </rPh>
    <rPh sb="5" eb="8">
      <t>ホジョキン</t>
    </rPh>
    <phoneticPr fontId="10"/>
  </si>
  <si>
    <t>1目　総務費国庫補助金</t>
    <rPh sb="1" eb="2">
      <t>モク</t>
    </rPh>
    <rPh sb="3" eb="5">
      <t>ソウム</t>
    </rPh>
    <rPh sb="5" eb="6">
      <t>ヒ</t>
    </rPh>
    <rPh sb="6" eb="8">
      <t>コッコ</t>
    </rPh>
    <rPh sb="8" eb="11">
      <t>ホジョキン</t>
    </rPh>
    <phoneticPr fontId="10"/>
  </si>
  <si>
    <t>18款　府支出金</t>
    <rPh sb="2" eb="3">
      <t>カン</t>
    </rPh>
    <rPh sb="4" eb="5">
      <t>フ</t>
    </rPh>
    <rPh sb="5" eb="8">
      <t>シシュツキン</t>
    </rPh>
    <phoneticPr fontId="10"/>
  </si>
  <si>
    <t>2項　府補助金</t>
    <rPh sb="1" eb="2">
      <t>コウ</t>
    </rPh>
    <rPh sb="3" eb="4">
      <t>フ</t>
    </rPh>
    <rPh sb="4" eb="7">
      <t>ホジョキン</t>
    </rPh>
    <phoneticPr fontId="10"/>
  </si>
  <si>
    <t>1目　総務費府補助金</t>
    <rPh sb="1" eb="2">
      <t>モク</t>
    </rPh>
    <rPh sb="3" eb="5">
      <t>ソウム</t>
    </rPh>
    <rPh sb="5" eb="6">
      <t>ヒ</t>
    </rPh>
    <rPh sb="6" eb="7">
      <t>フ</t>
    </rPh>
    <rPh sb="7" eb="10">
      <t>ホジョキン</t>
    </rPh>
    <phoneticPr fontId="10"/>
  </si>
  <si>
    <t>2節　区まちづくり推進費補助金</t>
    <rPh sb="1" eb="2">
      <t>セツ</t>
    </rPh>
    <rPh sb="3" eb="4">
      <t>ク</t>
    </rPh>
    <rPh sb="9" eb="11">
      <t>スイシン</t>
    </rPh>
    <rPh sb="11" eb="12">
      <t>ヒ</t>
    </rPh>
    <rPh sb="12" eb="15">
      <t>ホジョキン</t>
    </rPh>
    <phoneticPr fontId="10"/>
  </si>
  <si>
    <t>助産師による専門的相談事業に対する補助金</t>
    <rPh sb="0" eb="3">
      <t>ジョサンシ</t>
    </rPh>
    <rPh sb="6" eb="9">
      <t>センモンテキ</t>
    </rPh>
    <rPh sb="9" eb="11">
      <t>ソウダン</t>
    </rPh>
    <rPh sb="11" eb="13">
      <t>ジギョウ</t>
    </rPh>
    <rPh sb="14" eb="15">
      <t>タイ</t>
    </rPh>
    <rPh sb="17" eb="20">
      <t>ホジョキン</t>
    </rPh>
    <phoneticPr fontId="10"/>
  </si>
  <si>
    <t>23款　諸収入</t>
    <rPh sb="2" eb="3">
      <t>カン</t>
    </rPh>
    <rPh sb="4" eb="5">
      <t>ショ</t>
    </rPh>
    <rPh sb="5" eb="7">
      <t>シュウニュウ</t>
    </rPh>
    <phoneticPr fontId="10"/>
  </si>
  <si>
    <t>6項　雑入</t>
    <rPh sb="1" eb="2">
      <t>コウ</t>
    </rPh>
    <rPh sb="3" eb="5">
      <t>ザツニュウ</t>
    </rPh>
    <phoneticPr fontId="10"/>
  </si>
  <si>
    <t>22目　雑収</t>
    <rPh sb="2" eb="3">
      <t>モク</t>
    </rPh>
    <rPh sb="4" eb="5">
      <t>ザツ</t>
    </rPh>
    <rPh sb="5" eb="6">
      <t>シュウ</t>
    </rPh>
    <phoneticPr fontId="10"/>
  </si>
  <si>
    <t>1節　雑収</t>
    <rPh sb="1" eb="2">
      <t>セツ</t>
    </rPh>
    <rPh sb="3" eb="4">
      <t>ザツ</t>
    </rPh>
    <rPh sb="4" eb="5">
      <t>シュウ</t>
    </rPh>
    <phoneticPr fontId="10"/>
  </si>
  <si>
    <t>広告収入、私用光熱水費に係る収入等</t>
    <rPh sb="0" eb="2">
      <t>コウコク</t>
    </rPh>
    <rPh sb="2" eb="4">
      <t>シュウニュウ</t>
    </rPh>
    <rPh sb="5" eb="7">
      <t>シヨウ</t>
    </rPh>
    <rPh sb="12" eb="13">
      <t>カカ</t>
    </rPh>
    <rPh sb="14" eb="16">
      <t>シュウニュウ</t>
    </rPh>
    <phoneticPr fontId="10"/>
  </si>
  <si>
    <t>歳入合計</t>
    <rPh sb="0" eb="2">
      <t>サイニュウ</t>
    </rPh>
    <rPh sb="2" eb="4">
      <t>ゴウケイ</t>
    </rPh>
    <phoneticPr fontId="10"/>
  </si>
  <si>
    <t>ひがよどなごみ勉強会事業に対する補助金等</t>
    <rPh sb="7" eb="9">
      <t>ベンキョウ</t>
    </rPh>
    <rPh sb="9" eb="10">
      <t>カイ</t>
    </rPh>
    <rPh sb="10" eb="12">
      <t>ジギョウ</t>
    </rPh>
    <rPh sb="19" eb="20">
      <t>ナド</t>
    </rPh>
    <phoneticPr fontId="11"/>
  </si>
  <si>
    <t>（子育て支援事業に対する補助金）</t>
    <rPh sb="1" eb="3">
      <t>コソダ</t>
    </rPh>
    <rPh sb="4" eb="6">
      <t>シエン</t>
    </rPh>
    <rPh sb="6" eb="8">
      <t>ジギョウ</t>
    </rPh>
    <rPh sb="9" eb="10">
      <t>タイ</t>
    </rPh>
    <rPh sb="12" eb="15">
      <t>ホジョキン</t>
    </rPh>
    <phoneticPr fontId="10"/>
  </si>
  <si>
    <t>3 年 度</t>
    <rPh sb="2" eb="3">
      <t>ネン</t>
    </rPh>
    <rPh sb="4" eb="5">
      <t>ド</t>
    </rPh>
    <phoneticPr fontId="5"/>
  </si>
  <si>
    <t>4 年 度</t>
    <rPh sb="2" eb="3">
      <t>ネン</t>
    </rPh>
    <rPh sb="4" eb="5">
      <t>ド</t>
    </rPh>
    <phoneticPr fontId="5"/>
  </si>
  <si>
    <t>区民ホール</t>
    <rPh sb="0" eb="2">
      <t>クミン</t>
    </rPh>
    <phoneticPr fontId="10"/>
  </si>
  <si>
    <t>8節　区まちづくり推進費補助金</t>
    <rPh sb="1" eb="2">
      <t>セツ</t>
    </rPh>
    <rPh sb="3" eb="4">
      <t>ク</t>
    </rPh>
    <rPh sb="9" eb="11">
      <t>スイシン</t>
    </rPh>
    <rPh sb="11" eb="12">
      <t>ヒ</t>
    </rPh>
    <rPh sb="12" eb="15">
      <t>ホジョキン</t>
    </rPh>
    <phoneticPr fontId="10"/>
  </si>
  <si>
    <t>児童虐待防止のための保育所・幼稚園等版こどもサポートネット事業に対する補助金</t>
    <rPh sb="0" eb="2">
      <t>ジドウ</t>
    </rPh>
    <rPh sb="2" eb="4">
      <t>ギャクタイ</t>
    </rPh>
    <rPh sb="4" eb="6">
      <t>ボウシ</t>
    </rPh>
    <rPh sb="10" eb="12">
      <t>ホイク</t>
    </rPh>
    <rPh sb="12" eb="13">
      <t>ジョ</t>
    </rPh>
    <rPh sb="14" eb="17">
      <t>ヨウチエン</t>
    </rPh>
    <rPh sb="17" eb="18">
      <t>ナド</t>
    </rPh>
    <rPh sb="18" eb="19">
      <t>バン</t>
    </rPh>
    <rPh sb="29" eb="31">
      <t>ジギョウ</t>
    </rPh>
    <phoneticPr fontId="10"/>
  </si>
  <si>
    <t>所属名　東淀川区役所</t>
    <rPh sb="0" eb="2">
      <t>ショゾク</t>
    </rPh>
    <rPh sb="2" eb="3">
      <t>メイ</t>
    </rPh>
    <rPh sb="4" eb="8">
      <t>ヒガシヨドガワク</t>
    </rPh>
    <rPh sb="8" eb="10">
      <t>ヤクショ</t>
    </rPh>
    <phoneticPr fontId="4"/>
  </si>
  <si>
    <t>予算②</t>
    <rPh sb="0" eb="2">
      <t>ヨサン</t>
    </rPh>
    <phoneticPr fontId="1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6" formatCode="&quot;¥&quot;#,##0;[Red]&quot;¥&quot;\-#,##0"/>
    <numFmt numFmtId="176" formatCode="#,##0;&quot;△ &quot;#,##0"/>
  </numFmts>
  <fonts count="28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rgb="FF000000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sz val="9"/>
      <color theme="1"/>
      <name val="HGS創英角ｺﾞｼｯｸUB"/>
      <family val="3"/>
      <charset val="128"/>
    </font>
    <font>
      <sz val="11"/>
      <name val="ＭＳ ゴシック"/>
      <family val="3"/>
      <charset val="128"/>
    </font>
    <font>
      <sz val="9"/>
      <color theme="1"/>
      <name val="HGS創英角ｺﾞｼｯｸUB"/>
      <family val="2"/>
      <charset val="128"/>
    </font>
    <font>
      <sz val="9"/>
      <color indexed="8"/>
      <name val="HGS創英角ｺﾞｼｯｸUB"/>
      <family val="3"/>
      <charset val="128"/>
    </font>
    <font>
      <sz val="9"/>
      <name val="ＭＳ ゴシック"/>
      <family val="3"/>
      <charset val="128"/>
    </font>
    <font>
      <sz val="10.5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u/>
      <sz val="10.5"/>
      <name val="ＭＳ ゴシック"/>
      <family val="3"/>
      <charset val="128"/>
    </font>
    <font>
      <b/>
      <sz val="11"/>
      <name val="ＭＳ ゴシック"/>
      <family val="3"/>
      <charset val="128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41">
    <xf numFmtId="0" fontId="0" fillId="0" borderId="0"/>
    <xf numFmtId="38" fontId="6" fillId="0" borderId="0" applyFont="0" applyFill="0" applyBorder="0" applyAlignment="0" applyProtection="0"/>
    <xf numFmtId="38" fontId="6" fillId="0" borderId="0" applyFont="0" applyFill="0" applyBorder="0" applyAlignment="0" applyProtection="0"/>
    <xf numFmtId="38" fontId="12" fillId="0" borderId="0" applyFont="0" applyFill="0" applyBorder="0" applyAlignment="0" applyProtection="0">
      <alignment vertical="center"/>
    </xf>
    <xf numFmtId="0" fontId="6" fillId="0" borderId="0"/>
    <xf numFmtId="0" fontId="3" fillId="0" borderId="0"/>
    <xf numFmtId="38" fontId="17" fillId="0" borderId="0" applyFont="0" applyFill="0" applyBorder="0" applyAlignment="0" applyProtection="0">
      <alignment vertical="center"/>
    </xf>
    <xf numFmtId="0" fontId="6" fillId="0" borderId="0"/>
    <xf numFmtId="0" fontId="17" fillId="0" borderId="0"/>
    <xf numFmtId="38" fontId="6" fillId="0" borderId="0" applyFont="0" applyFill="0" applyBorder="0" applyAlignment="0" applyProtection="0"/>
    <xf numFmtId="0" fontId="18" fillId="0" borderId="0">
      <alignment vertical="center"/>
    </xf>
    <xf numFmtId="0" fontId="20" fillId="0" borderId="0">
      <alignment vertical="center"/>
    </xf>
    <xf numFmtId="38" fontId="20" fillId="0" borderId="0" applyFont="0" applyFill="0" applyBorder="0" applyAlignment="0" applyProtection="0">
      <alignment vertical="center"/>
    </xf>
    <xf numFmtId="38" fontId="21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38" fontId="20" fillId="0" borderId="0" applyFont="0" applyFill="0" applyBorder="0" applyAlignment="0" applyProtection="0">
      <alignment vertical="center"/>
    </xf>
    <xf numFmtId="6" fontId="6" fillId="0" borderId="0" applyFont="0" applyFill="0" applyBorder="0" applyAlignment="0" applyProtection="0"/>
    <xf numFmtId="0" fontId="24" fillId="0" borderId="0">
      <alignment vertical="center"/>
    </xf>
    <xf numFmtId="0" fontId="24" fillId="0" borderId="0">
      <alignment vertical="center"/>
    </xf>
    <xf numFmtId="0" fontId="20" fillId="0" borderId="0">
      <alignment vertical="center"/>
    </xf>
    <xf numFmtId="38" fontId="20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24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6" fontId="6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24" fillId="0" borderId="0" applyFont="0" applyFill="0" applyBorder="0" applyAlignment="0" applyProtection="0">
      <alignment vertical="center"/>
    </xf>
    <xf numFmtId="0" fontId="24" fillId="0" borderId="0"/>
  </cellStyleXfs>
  <cellXfs count="85">
    <xf numFmtId="0" fontId="0" fillId="0" borderId="0" xfId="0"/>
    <xf numFmtId="0" fontId="7" fillId="0" borderId="0" xfId="5" applyNumberFormat="1" applyFont="1" applyFill="1" applyAlignment="1">
      <alignment vertical="center"/>
    </xf>
    <xf numFmtId="49" fontId="13" fillId="0" borderId="0" xfId="5" applyNumberFormat="1" applyFont="1" applyFill="1" applyAlignment="1">
      <alignment vertical="center" wrapText="1"/>
    </xf>
    <xf numFmtId="0" fontId="14" fillId="0" borderId="0" xfId="5" applyNumberFormat="1" applyFont="1" applyFill="1" applyAlignment="1">
      <alignment vertical="center" wrapText="1"/>
    </xf>
    <xf numFmtId="0" fontId="14" fillId="0" borderId="0" xfId="5" applyNumberFormat="1" applyFont="1" applyFill="1" applyBorder="1" applyAlignment="1">
      <alignment horizontal="center" vertical="center" wrapText="1"/>
    </xf>
    <xf numFmtId="176" fontId="13" fillId="0" borderId="0" xfId="5" applyNumberFormat="1" applyFont="1" applyFill="1" applyAlignment="1">
      <alignment horizontal="center" vertical="center"/>
    </xf>
    <xf numFmtId="176" fontId="13" fillId="0" borderId="0" xfId="5" applyNumberFormat="1" applyFont="1" applyFill="1" applyAlignment="1">
      <alignment horizontal="right" vertical="center"/>
    </xf>
    <xf numFmtId="0" fontId="15" fillId="0" borderId="0" xfId="5" applyFont="1" applyFill="1" applyAlignment="1">
      <alignment horizontal="center" vertical="center"/>
    </xf>
    <xf numFmtId="0" fontId="13" fillId="0" borderId="0" xfId="5" applyFont="1" applyFill="1" applyAlignment="1">
      <alignment vertical="center"/>
    </xf>
    <xf numFmtId="0" fontId="13" fillId="0" borderId="0" xfId="5" applyNumberFormat="1" applyFont="1" applyFill="1" applyAlignment="1">
      <alignment horizontal="center" vertical="center" wrapText="1"/>
    </xf>
    <xf numFmtId="176" fontId="13" fillId="0" borderId="0" xfId="5" applyNumberFormat="1" applyFont="1" applyFill="1" applyAlignment="1">
      <alignment vertical="center"/>
    </xf>
    <xf numFmtId="0" fontId="15" fillId="0" borderId="0" xfId="5" applyFont="1" applyFill="1" applyAlignment="1">
      <alignment horizontal="left" vertical="center"/>
    </xf>
    <xf numFmtId="0" fontId="15" fillId="0" borderId="0" xfId="5" applyFont="1" applyFill="1" applyAlignment="1">
      <alignment vertical="center"/>
    </xf>
    <xf numFmtId="49" fontId="13" fillId="0" borderId="0" xfId="5" applyNumberFormat="1" applyFont="1" applyFill="1" applyAlignment="1">
      <alignment vertical="center"/>
    </xf>
    <xf numFmtId="0" fontId="15" fillId="0" borderId="14" xfId="5" applyNumberFormat="1" applyFont="1" applyFill="1" applyBorder="1" applyAlignment="1">
      <alignment horizontal="center" vertical="center"/>
    </xf>
    <xf numFmtId="176" fontId="15" fillId="0" borderId="1" xfId="5" applyNumberFormat="1" applyFont="1" applyFill="1" applyBorder="1" applyAlignment="1">
      <alignment horizontal="distributed" vertical="center" justifyLastLine="1"/>
    </xf>
    <xf numFmtId="0" fontId="15" fillId="0" borderId="16" xfId="5" applyNumberFormat="1" applyFont="1" applyFill="1" applyBorder="1" applyAlignment="1">
      <alignment horizontal="center" vertical="center"/>
    </xf>
    <xf numFmtId="0" fontId="15" fillId="0" borderId="4" xfId="5" applyNumberFormat="1" applyFont="1" applyFill="1" applyBorder="1" applyAlignment="1">
      <alignment horizontal="distributed" vertical="center" justifyLastLine="1"/>
    </xf>
    <xf numFmtId="176" fontId="15" fillId="0" borderId="4" xfId="5" applyNumberFormat="1" applyFont="1" applyFill="1" applyBorder="1" applyAlignment="1">
      <alignment horizontal="center" vertical="center"/>
    </xf>
    <xf numFmtId="0" fontId="15" fillId="0" borderId="24" xfId="5" applyNumberFormat="1" applyFont="1" applyFill="1" applyBorder="1" applyAlignment="1">
      <alignment horizontal="center" vertical="center" shrinkToFit="1"/>
    </xf>
    <xf numFmtId="38" fontId="15" fillId="0" borderId="3" xfId="1" applyFont="1" applyFill="1" applyBorder="1" applyAlignment="1">
      <alignment horizontal="left" vertical="center" wrapText="1"/>
    </xf>
    <xf numFmtId="176" fontId="13" fillId="0" borderId="3" xfId="5" applyNumberFormat="1" applyFont="1" applyFill="1" applyBorder="1" applyAlignment="1">
      <alignment horizontal="right" vertical="center" shrinkToFit="1"/>
    </xf>
    <xf numFmtId="0" fontId="14" fillId="0" borderId="17" xfId="5" applyFont="1" applyFill="1" applyBorder="1" applyAlignment="1">
      <alignment horizontal="left" vertical="center"/>
    </xf>
    <xf numFmtId="176" fontId="15" fillId="0" borderId="22" xfId="5" applyNumberFormat="1" applyFont="1" applyFill="1" applyBorder="1" applyAlignment="1">
      <alignment horizontal="right" vertical="center" shrinkToFit="1"/>
    </xf>
    <xf numFmtId="49" fontId="15" fillId="0" borderId="5" xfId="5" applyNumberFormat="1" applyFont="1" applyFill="1" applyBorder="1" applyAlignment="1">
      <alignment horizontal="center" vertical="center" wrapText="1"/>
    </xf>
    <xf numFmtId="0" fontId="15" fillId="0" borderId="22" xfId="4" applyFont="1" applyFill="1" applyBorder="1" applyAlignment="1">
      <alignment vertical="center"/>
    </xf>
    <xf numFmtId="49" fontId="15" fillId="0" borderId="6" xfId="5" applyNumberFormat="1" applyFont="1" applyFill="1" applyBorder="1" applyAlignment="1">
      <alignment horizontal="center" vertical="center" wrapText="1"/>
    </xf>
    <xf numFmtId="0" fontId="15" fillId="0" borderId="3" xfId="5" applyNumberFormat="1" applyFont="1" applyFill="1" applyBorder="1" applyAlignment="1">
      <alignment horizontal="left" vertical="center" wrapText="1"/>
    </xf>
    <xf numFmtId="49" fontId="15" fillId="0" borderId="3" xfId="5" applyNumberFormat="1" applyFont="1" applyFill="1" applyBorder="1" applyAlignment="1">
      <alignment vertical="center" wrapText="1"/>
    </xf>
    <xf numFmtId="49" fontId="15" fillId="0" borderId="4" xfId="5" applyNumberFormat="1" applyFont="1" applyFill="1" applyBorder="1" applyAlignment="1">
      <alignment vertical="center" wrapText="1"/>
    </xf>
    <xf numFmtId="0" fontId="15" fillId="0" borderId="4" xfId="5" applyNumberFormat="1" applyFont="1" applyFill="1" applyBorder="1" applyAlignment="1">
      <alignment horizontal="left" vertical="center" wrapText="1"/>
    </xf>
    <xf numFmtId="176" fontId="13" fillId="0" borderId="4" xfId="5" applyNumberFormat="1" applyFont="1" applyFill="1" applyBorder="1" applyAlignment="1">
      <alignment horizontal="right" vertical="center" shrinkToFit="1"/>
    </xf>
    <xf numFmtId="0" fontId="14" fillId="0" borderId="7" xfId="5" applyFont="1" applyFill="1" applyBorder="1" applyAlignment="1">
      <alignment horizontal="left" vertical="center"/>
    </xf>
    <xf numFmtId="0" fontId="15" fillId="0" borderId="19" xfId="4" applyFont="1" applyFill="1" applyBorder="1" applyAlignment="1">
      <alignment vertical="center"/>
    </xf>
    <xf numFmtId="176" fontId="13" fillId="0" borderId="11" xfId="5" applyNumberFormat="1" applyFont="1" applyFill="1" applyBorder="1" applyAlignment="1">
      <alignment horizontal="right" vertical="center" shrinkToFit="1"/>
    </xf>
    <xf numFmtId="0" fontId="14" fillId="0" borderId="21" xfId="5" applyFont="1" applyFill="1" applyBorder="1" applyAlignment="1">
      <alignment horizontal="left" vertical="center"/>
    </xf>
    <xf numFmtId="38" fontId="15" fillId="0" borderId="4" xfId="1" applyFont="1" applyFill="1" applyBorder="1" applyAlignment="1">
      <alignment horizontal="left" vertical="center" wrapText="1"/>
    </xf>
    <xf numFmtId="49" fontId="15" fillId="0" borderId="12" xfId="5" applyNumberFormat="1" applyFont="1" applyFill="1" applyBorder="1" applyAlignment="1">
      <alignment horizontal="center" vertical="center" wrapText="1"/>
    </xf>
    <xf numFmtId="0" fontId="15" fillId="0" borderId="11" xfId="5" applyNumberFormat="1" applyFont="1" applyFill="1" applyBorder="1" applyAlignment="1">
      <alignment horizontal="left" vertical="center" wrapText="1"/>
    </xf>
    <xf numFmtId="0" fontId="15" fillId="0" borderId="23" xfId="4" applyFont="1" applyFill="1" applyBorder="1" applyAlignment="1">
      <alignment vertical="center"/>
    </xf>
    <xf numFmtId="49" fontId="15" fillId="0" borderId="10" xfId="5" applyNumberFormat="1" applyFont="1" applyFill="1" applyBorder="1" applyAlignment="1">
      <alignment vertical="center" wrapText="1"/>
    </xf>
    <xf numFmtId="0" fontId="13" fillId="0" borderId="0" xfId="5" applyNumberFormat="1" applyFont="1" applyFill="1" applyBorder="1" applyAlignment="1">
      <alignment horizontal="center" vertical="center" wrapText="1"/>
    </xf>
    <xf numFmtId="176" fontId="13" fillId="0" borderId="0" xfId="5" applyNumberFormat="1" applyFont="1" applyFill="1" applyBorder="1" applyAlignment="1">
      <alignment horizontal="center" vertical="center"/>
    </xf>
    <xf numFmtId="176" fontId="13" fillId="0" borderId="0" xfId="5" applyNumberFormat="1" applyFont="1" applyFill="1" applyBorder="1" applyAlignment="1">
      <alignment vertical="center"/>
    </xf>
    <xf numFmtId="49" fontId="15" fillId="0" borderId="3" xfId="5" applyNumberFormat="1" applyFont="1" applyFill="1" applyBorder="1" applyAlignment="1">
      <alignment vertical="center" wrapText="1"/>
    </xf>
    <xf numFmtId="0" fontId="23" fillId="0" borderId="0" xfId="5" applyNumberFormat="1" applyFont="1" applyFill="1" applyAlignment="1">
      <alignment vertical="center"/>
    </xf>
    <xf numFmtId="49" fontId="23" fillId="0" borderId="0" xfId="5" applyNumberFormat="1" applyFont="1" applyFill="1" applyAlignment="1">
      <alignment vertical="center" wrapText="1"/>
    </xf>
    <xf numFmtId="0" fontId="23" fillId="0" borderId="0" xfId="5" applyNumberFormat="1" applyFont="1" applyFill="1" applyAlignment="1">
      <alignment vertical="center" wrapText="1"/>
    </xf>
    <xf numFmtId="0" fontId="23" fillId="0" borderId="0" xfId="5" applyNumberFormat="1" applyFont="1" applyFill="1" applyAlignment="1">
      <alignment horizontal="center" vertical="center" wrapText="1"/>
    </xf>
    <xf numFmtId="176" fontId="23" fillId="0" borderId="0" xfId="5" applyNumberFormat="1" applyFont="1" applyFill="1" applyAlignment="1">
      <alignment horizontal="center" vertical="center"/>
    </xf>
    <xf numFmtId="176" fontId="23" fillId="0" borderId="0" xfId="5" applyNumberFormat="1" applyFont="1" applyFill="1" applyAlignment="1">
      <alignment vertical="center"/>
    </xf>
    <xf numFmtId="0" fontId="8" fillId="0" borderId="0" xfId="5" applyFont="1" applyFill="1" applyAlignment="1">
      <alignment horizontal="left" vertical="center"/>
    </xf>
    <xf numFmtId="0" fontId="23" fillId="0" borderId="0" xfId="5" applyFont="1" applyFill="1" applyAlignment="1">
      <alignment vertical="center"/>
    </xf>
    <xf numFmtId="49" fontId="23" fillId="0" borderId="0" xfId="5" applyNumberFormat="1" applyFont="1" applyFill="1" applyAlignment="1">
      <alignment vertical="center"/>
    </xf>
    <xf numFmtId="0" fontId="23" fillId="0" borderId="0" xfId="5" applyFont="1" applyFill="1" applyAlignment="1">
      <alignment horizontal="center" vertical="center" wrapText="1"/>
    </xf>
    <xf numFmtId="176" fontId="25" fillId="0" borderId="0" xfId="5" applyNumberFormat="1" applyFont="1" applyFill="1" applyAlignment="1">
      <alignment horizontal="left" vertical="center"/>
    </xf>
    <xf numFmtId="0" fontId="22" fillId="0" borderId="0" xfId="5" applyNumberFormat="1" applyFont="1" applyFill="1" applyAlignment="1">
      <alignment horizontal="right" vertical="center"/>
    </xf>
    <xf numFmtId="0" fontId="8" fillId="0" borderId="0" xfId="5" applyNumberFormat="1" applyFont="1" applyFill="1" applyAlignment="1">
      <alignment horizontal="right" vertical="center"/>
    </xf>
    <xf numFmtId="0" fontId="26" fillId="0" borderId="0" xfId="5" applyFont="1" applyFill="1" applyAlignment="1">
      <alignment horizontal="center" vertical="center" wrapText="1"/>
    </xf>
    <xf numFmtId="176" fontId="26" fillId="0" borderId="0" xfId="5" applyNumberFormat="1" applyFont="1" applyFill="1" applyBorder="1" applyAlignment="1">
      <alignment horizontal="right" vertical="center" wrapText="1"/>
    </xf>
    <xf numFmtId="176" fontId="19" fillId="0" borderId="0" xfId="5" applyNumberFormat="1" applyFont="1" applyFill="1" applyAlignment="1">
      <alignment horizontal="right" vertical="center"/>
    </xf>
    <xf numFmtId="0" fontId="9" fillId="0" borderId="0" xfId="5" applyFont="1" applyFill="1" applyAlignment="1">
      <alignment horizontal="left" vertical="center"/>
    </xf>
    <xf numFmtId="0" fontId="9" fillId="0" borderId="0" xfId="5" applyNumberFormat="1" applyFont="1" applyFill="1" applyAlignment="1">
      <alignment horizontal="right" vertical="center"/>
    </xf>
    <xf numFmtId="0" fontId="23" fillId="0" borderId="1" xfId="5" applyNumberFormat="1" applyFont="1" applyFill="1" applyBorder="1" applyAlignment="1">
      <alignment horizontal="center" vertical="center"/>
    </xf>
    <xf numFmtId="0" fontId="27" fillId="0" borderId="0" xfId="5" applyNumberFormat="1" applyFont="1" applyFill="1" applyAlignment="1">
      <alignment horizontal="right" vertical="center"/>
    </xf>
    <xf numFmtId="49" fontId="16" fillId="0" borderId="3" xfId="5" applyNumberFormat="1" applyFont="1" applyFill="1" applyBorder="1" applyAlignment="1">
      <alignment vertical="center" wrapText="1"/>
    </xf>
    <xf numFmtId="0" fontId="15" fillId="0" borderId="25" xfId="5" applyNumberFormat="1" applyFont="1" applyFill="1" applyBorder="1" applyAlignment="1">
      <alignment horizontal="center" vertical="center"/>
    </xf>
    <xf numFmtId="0" fontId="15" fillId="0" borderId="11" xfId="5" applyNumberFormat="1" applyFont="1" applyFill="1" applyBorder="1" applyAlignment="1">
      <alignment horizontal="center" vertical="center"/>
    </xf>
    <xf numFmtId="49" fontId="15" fillId="0" borderId="17" xfId="5" applyNumberFormat="1" applyFont="1" applyFill="1" applyBorder="1" applyAlignment="1">
      <alignment vertical="center" wrapText="1"/>
    </xf>
    <xf numFmtId="49" fontId="15" fillId="0" borderId="10" xfId="5" applyNumberFormat="1" applyFont="1" applyFill="1" applyBorder="1" applyAlignment="1">
      <alignment vertical="center" wrapText="1"/>
    </xf>
    <xf numFmtId="49" fontId="15" fillId="0" borderId="18" xfId="5" applyNumberFormat="1" applyFont="1" applyFill="1" applyBorder="1" applyAlignment="1">
      <alignment vertical="center" wrapText="1"/>
    </xf>
    <xf numFmtId="0" fontId="19" fillId="0" borderId="0" xfId="5" applyFont="1" applyFill="1" applyAlignment="1">
      <alignment horizontal="right" vertical="center"/>
    </xf>
    <xf numFmtId="49" fontId="15" fillId="0" borderId="9" xfId="5" applyNumberFormat="1" applyFont="1" applyFill="1" applyBorder="1" applyAlignment="1">
      <alignment horizontal="distributed" vertical="center" wrapText="1" justifyLastLine="1"/>
    </xf>
    <xf numFmtId="49" fontId="15" fillId="0" borderId="2" xfId="5" applyNumberFormat="1" applyFont="1" applyFill="1" applyBorder="1" applyAlignment="1">
      <alignment horizontal="distributed" vertical="center" wrapText="1" justifyLastLine="1"/>
    </xf>
    <xf numFmtId="49" fontId="15" fillId="0" borderId="15" xfId="5" applyNumberFormat="1" applyFont="1" applyFill="1" applyBorder="1" applyAlignment="1">
      <alignment horizontal="distributed" vertical="center" wrapText="1" justifyLastLine="1"/>
    </xf>
    <xf numFmtId="49" fontId="15" fillId="0" borderId="7" xfId="5" applyNumberFormat="1" applyFont="1" applyFill="1" applyBorder="1" applyAlignment="1">
      <alignment horizontal="distributed" vertical="center" wrapText="1" justifyLastLine="1"/>
    </xf>
    <xf numFmtId="49" fontId="15" fillId="0" borderId="8" xfId="5" applyNumberFormat="1" applyFont="1" applyFill="1" applyBorder="1" applyAlignment="1">
      <alignment horizontal="distributed" vertical="center" wrapText="1" justifyLastLine="1"/>
    </xf>
    <xf numFmtId="49" fontId="15" fillId="0" borderId="13" xfId="5" applyNumberFormat="1" applyFont="1" applyFill="1" applyBorder="1" applyAlignment="1">
      <alignment horizontal="distributed" vertical="center" wrapText="1" justifyLastLine="1"/>
    </xf>
    <xf numFmtId="0" fontId="15" fillId="0" borderId="1" xfId="5" applyNumberFormat="1" applyFont="1" applyFill="1" applyBorder="1" applyAlignment="1">
      <alignment horizontal="distributed" vertical="center" wrapText="1" justifyLastLine="1"/>
    </xf>
    <xf numFmtId="0" fontId="15" fillId="0" borderId="4" xfId="5" applyNumberFormat="1" applyFont="1" applyFill="1" applyBorder="1" applyAlignment="1">
      <alignment horizontal="distributed" vertical="center" wrapText="1" justifyLastLine="1"/>
    </xf>
    <xf numFmtId="0" fontId="15" fillId="0" borderId="9" xfId="5" applyNumberFormat="1" applyFont="1" applyFill="1" applyBorder="1" applyAlignment="1">
      <alignment horizontal="distributed" vertical="center" justifyLastLine="1"/>
    </xf>
    <xf numFmtId="0" fontId="15" fillId="0" borderId="20" xfId="5" applyNumberFormat="1" applyFont="1" applyFill="1" applyBorder="1" applyAlignment="1">
      <alignment horizontal="distributed" vertical="center" justifyLastLine="1"/>
    </xf>
    <xf numFmtId="0" fontId="15" fillId="0" borderId="7" xfId="5" applyNumberFormat="1" applyFont="1" applyFill="1" applyBorder="1" applyAlignment="1">
      <alignment horizontal="distributed" vertical="center" justifyLastLine="1"/>
    </xf>
    <xf numFmtId="0" fontId="15" fillId="0" borderId="19" xfId="5" applyNumberFormat="1" applyFont="1" applyFill="1" applyBorder="1" applyAlignment="1">
      <alignment horizontal="distributed" vertical="center" justifyLastLine="1"/>
    </xf>
    <xf numFmtId="0" fontId="22" fillId="0" borderId="0" xfId="5" applyNumberFormat="1" applyFont="1" applyFill="1" applyBorder="1" applyAlignment="1">
      <alignment horizontal="right" vertical="center" wrapText="1"/>
    </xf>
  </cellXfs>
  <cellStyles count="41">
    <cellStyle name="桁区切り 2" xfId="1"/>
    <cellStyle name="桁区切り 2 2" xfId="2"/>
    <cellStyle name="桁区切り 2 2 2" xfId="13"/>
    <cellStyle name="桁区切り 2 2 3" xfId="12"/>
    <cellStyle name="桁区切り 2 3" xfId="17"/>
    <cellStyle name="桁区切り 2 4" xfId="9"/>
    <cellStyle name="桁区切り 2 5" xfId="33"/>
    <cellStyle name="桁区切り 2 5 2" xfId="34"/>
    <cellStyle name="桁区切り 2 5 3" xfId="36"/>
    <cellStyle name="桁区切り 2 5 3 2" xfId="14"/>
    <cellStyle name="桁区切り 2 5 4" xfId="38"/>
    <cellStyle name="桁区切り 2 5 4 2" xfId="15"/>
    <cellStyle name="桁区切り 3" xfId="3"/>
    <cellStyle name="桁区切り 3 2" xfId="26"/>
    <cellStyle name="桁区切り 3 3" xfId="22"/>
    <cellStyle name="桁区切り 4" xfId="6"/>
    <cellStyle name="桁区切り 4 2" xfId="39"/>
    <cellStyle name="通貨 2" xfId="18"/>
    <cellStyle name="通貨 2 2" xfId="31"/>
    <cellStyle name="標準" xfId="0" builtinId="0"/>
    <cellStyle name="標準 2" xfId="4"/>
    <cellStyle name="標準 2 2" xfId="10"/>
    <cellStyle name="標準 2 2 2" xfId="11"/>
    <cellStyle name="標準 2 3" xfId="7"/>
    <cellStyle name="標準 3" xfId="19"/>
    <cellStyle name="標準 3 2" xfId="24"/>
    <cellStyle name="標準 3 3" xfId="28"/>
    <cellStyle name="標準 3 4" xfId="30"/>
    <cellStyle name="標準 4" xfId="21"/>
    <cellStyle name="標準 4 2" xfId="25"/>
    <cellStyle name="標準 5" xfId="20"/>
    <cellStyle name="標準 5 2" xfId="23"/>
    <cellStyle name="標準 5 3" xfId="27"/>
    <cellStyle name="標準 5 4" xfId="29"/>
    <cellStyle name="標準 5 4 2" xfId="35"/>
    <cellStyle name="標準 5 4 3" xfId="37"/>
    <cellStyle name="標準 5 4 3 2" xfId="16"/>
    <cellStyle name="標準 6" xfId="8"/>
    <cellStyle name="標準 6 2" xfId="40"/>
    <cellStyle name="標準 7" xfId="32"/>
    <cellStyle name="標準_③予算事業別調書(目次様式)" xfId="5"/>
  </cellStyles>
  <dxfs count="31"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1197"/>
  <sheetViews>
    <sheetView showGridLines="0" tabSelected="1" view="pageBreakPreview" zoomScale="85" zoomScaleNormal="100" zoomScaleSheetLayoutView="85" workbookViewId="0"/>
  </sheetViews>
  <sheetFormatPr defaultColWidth="8.6328125" defaultRowHeight="12.5"/>
  <cols>
    <col min="1" max="1" width="3.90625" style="13" customWidth="1"/>
    <col min="2" max="4" width="1.08984375" style="2" customWidth="1"/>
    <col min="5" max="5" width="25" style="2" customWidth="1"/>
    <col min="6" max="6" width="31.08984375" style="9" customWidth="1"/>
    <col min="7" max="8" width="11.08984375" style="5" customWidth="1"/>
    <col min="9" max="9" width="11.08984375" style="10" customWidth="1"/>
    <col min="10" max="10" width="5" style="11" customWidth="1"/>
    <col min="11" max="11" width="5" style="12" customWidth="1"/>
    <col min="12" max="12" width="6.453125" style="7" customWidth="1"/>
    <col min="13" max="150" width="8.6328125" style="8" customWidth="1"/>
    <col min="151" max="16384" width="8.6328125" style="8"/>
  </cols>
  <sheetData>
    <row r="1" spans="1:12" ht="18" customHeight="1">
      <c r="A1" s="1" t="s">
        <v>4</v>
      </c>
      <c r="C1" s="3"/>
      <c r="D1" s="3"/>
      <c r="E1" s="3"/>
      <c r="F1" s="4"/>
      <c r="I1" s="6"/>
      <c r="J1" s="71"/>
      <c r="K1" s="71"/>
      <c r="L1" s="8"/>
    </row>
    <row r="2" spans="1:12" s="52" customFormat="1" ht="15.75" customHeight="1">
      <c r="A2" s="45"/>
      <c r="B2" s="46"/>
      <c r="C2" s="47"/>
      <c r="D2" s="47"/>
      <c r="E2" s="47"/>
      <c r="F2" s="48"/>
      <c r="G2" s="49"/>
      <c r="H2" s="49"/>
      <c r="I2" s="50"/>
      <c r="J2" s="51"/>
    </row>
    <row r="3" spans="1:12" s="52" customFormat="1" ht="15" customHeight="1">
      <c r="A3" s="53"/>
      <c r="B3" s="46"/>
      <c r="C3" s="46"/>
      <c r="D3" s="46"/>
      <c r="E3" s="46"/>
      <c r="F3" s="54"/>
      <c r="G3" s="55"/>
      <c r="H3" s="55"/>
      <c r="I3" s="50"/>
      <c r="J3" s="51"/>
      <c r="K3" s="64" t="s">
        <v>37</v>
      </c>
    </row>
    <row r="4" spans="1:12" s="52" customFormat="1" ht="23.25" customHeight="1">
      <c r="A4" s="53"/>
      <c r="B4" s="46"/>
      <c r="C4" s="46"/>
      <c r="D4" s="46"/>
      <c r="E4" s="46"/>
      <c r="F4" s="54"/>
      <c r="G4" s="84"/>
      <c r="H4" s="84"/>
      <c r="I4" s="56"/>
      <c r="J4" s="51"/>
      <c r="K4" s="57" t="s">
        <v>0</v>
      </c>
    </row>
    <row r="5" spans="1:12" s="52" customFormat="1" ht="4.5" customHeight="1" thickBot="1">
      <c r="A5" s="53"/>
      <c r="B5" s="46"/>
      <c r="C5" s="46"/>
      <c r="D5" s="46"/>
      <c r="E5" s="46"/>
      <c r="F5" s="58"/>
      <c r="G5" s="59"/>
      <c r="H5" s="59"/>
      <c r="I5" s="60"/>
      <c r="J5" s="61"/>
      <c r="K5" s="62"/>
    </row>
    <row r="6" spans="1:12" ht="18.75" customHeight="1">
      <c r="A6" s="14" t="s">
        <v>1</v>
      </c>
      <c r="B6" s="72" t="s">
        <v>2</v>
      </c>
      <c r="C6" s="73"/>
      <c r="D6" s="73"/>
      <c r="E6" s="74"/>
      <c r="F6" s="78" t="s">
        <v>5</v>
      </c>
      <c r="G6" s="63" t="s">
        <v>32</v>
      </c>
      <c r="H6" s="63" t="s">
        <v>33</v>
      </c>
      <c r="I6" s="15" t="s">
        <v>6</v>
      </c>
      <c r="J6" s="80" t="s">
        <v>7</v>
      </c>
      <c r="K6" s="81"/>
      <c r="L6" s="8"/>
    </row>
    <row r="7" spans="1:12" ht="18.75" customHeight="1">
      <c r="A7" s="16" t="s">
        <v>3</v>
      </c>
      <c r="B7" s="75"/>
      <c r="C7" s="76"/>
      <c r="D7" s="76"/>
      <c r="E7" s="77"/>
      <c r="F7" s="79"/>
      <c r="G7" s="17" t="s">
        <v>8</v>
      </c>
      <c r="H7" s="17" t="s">
        <v>38</v>
      </c>
      <c r="I7" s="18" t="s">
        <v>9</v>
      </c>
      <c r="J7" s="82"/>
      <c r="K7" s="83"/>
      <c r="L7" s="8"/>
    </row>
    <row r="8" spans="1:12" ht="27" customHeight="1">
      <c r="A8" s="19">
        <v>1</v>
      </c>
      <c r="B8" s="68" t="s">
        <v>10</v>
      </c>
      <c r="C8" s="70"/>
      <c r="D8" s="70"/>
      <c r="E8" s="69"/>
      <c r="F8" s="20"/>
      <c r="G8" s="21">
        <f>G9</f>
        <v>10572</v>
      </c>
      <c r="H8" s="21">
        <f>H9</f>
        <v>10249</v>
      </c>
      <c r="I8" s="21">
        <f t="shared" ref="I8:I12" si="0">+H8-G8</f>
        <v>-323</v>
      </c>
      <c r="J8" s="22"/>
      <c r="K8" s="23"/>
      <c r="L8" s="8"/>
    </row>
    <row r="9" spans="1:12" ht="27" customHeight="1">
      <c r="A9" s="19">
        <v>2</v>
      </c>
      <c r="B9" s="37"/>
      <c r="C9" s="68" t="s">
        <v>11</v>
      </c>
      <c r="D9" s="70"/>
      <c r="E9" s="69"/>
      <c r="F9" s="20"/>
      <c r="G9" s="21">
        <f>SUM(G12,G14)</f>
        <v>10572</v>
      </c>
      <c r="H9" s="21">
        <f>SUM(H12,H14)</f>
        <v>10249</v>
      </c>
      <c r="I9" s="21">
        <f t="shared" si="0"/>
        <v>-323</v>
      </c>
      <c r="J9" s="22"/>
      <c r="K9" s="25"/>
      <c r="L9" s="8"/>
    </row>
    <row r="10" spans="1:12" ht="27" customHeight="1">
      <c r="A10" s="19">
        <v>3</v>
      </c>
      <c r="B10" s="26"/>
      <c r="C10" s="24"/>
      <c r="D10" s="68" t="s">
        <v>12</v>
      </c>
      <c r="E10" s="69"/>
      <c r="F10" s="27"/>
      <c r="G10" s="21">
        <f>SUM(G12,G14)</f>
        <v>10572</v>
      </c>
      <c r="H10" s="21">
        <f t="shared" ref="H10:I10" si="1">SUM(H12,H14)</f>
        <v>10249</v>
      </c>
      <c r="I10" s="21">
        <f t="shared" si="1"/>
        <v>-323</v>
      </c>
      <c r="J10" s="22"/>
      <c r="K10" s="25"/>
      <c r="L10" s="8"/>
    </row>
    <row r="11" spans="1:12" ht="27" customHeight="1">
      <c r="A11" s="19">
        <v>4</v>
      </c>
      <c r="B11" s="26"/>
      <c r="C11" s="26"/>
      <c r="D11" s="26"/>
      <c r="E11" s="28" t="s">
        <v>13</v>
      </c>
      <c r="F11" s="27" t="s">
        <v>34</v>
      </c>
      <c r="G11" s="21">
        <f>G12</f>
        <v>1864</v>
      </c>
      <c r="H11" s="21">
        <f>H12</f>
        <v>1536</v>
      </c>
      <c r="I11" s="21">
        <f t="shared" si="0"/>
        <v>-328</v>
      </c>
      <c r="J11" s="22"/>
      <c r="K11" s="25"/>
      <c r="L11" s="8"/>
    </row>
    <row r="12" spans="1:12" ht="27" customHeight="1">
      <c r="A12" s="19">
        <v>5</v>
      </c>
      <c r="B12" s="26"/>
      <c r="C12" s="26"/>
      <c r="D12" s="26"/>
      <c r="E12" s="28"/>
      <c r="F12" s="27"/>
      <c r="G12" s="21">
        <v>1864</v>
      </c>
      <c r="H12" s="21">
        <v>1536</v>
      </c>
      <c r="I12" s="21">
        <f t="shared" si="0"/>
        <v>-328</v>
      </c>
      <c r="J12" s="22"/>
      <c r="K12" s="25"/>
      <c r="L12" s="8"/>
    </row>
    <row r="13" spans="1:12" ht="27" customHeight="1">
      <c r="A13" s="19">
        <v>6</v>
      </c>
      <c r="B13" s="26"/>
      <c r="C13" s="26"/>
      <c r="D13" s="26"/>
      <c r="E13" s="28" t="s">
        <v>14</v>
      </c>
      <c r="F13" s="27" t="s">
        <v>15</v>
      </c>
      <c r="G13" s="21">
        <f>G14</f>
        <v>8708</v>
      </c>
      <c r="H13" s="21">
        <f>H14</f>
        <v>8713</v>
      </c>
      <c r="I13" s="21">
        <f t="shared" ref="I13:I14" si="2">+H13-G13</f>
        <v>5</v>
      </c>
      <c r="J13" s="22"/>
      <c r="K13" s="25"/>
      <c r="L13" s="8"/>
    </row>
    <row r="14" spans="1:12" ht="27" customHeight="1">
      <c r="A14" s="19">
        <v>7</v>
      </c>
      <c r="B14" s="26"/>
      <c r="C14" s="26"/>
      <c r="D14" s="26"/>
      <c r="E14" s="28"/>
      <c r="F14" s="27"/>
      <c r="G14" s="21">
        <v>8708</v>
      </c>
      <c r="H14" s="21">
        <v>8713</v>
      </c>
      <c r="I14" s="21">
        <f t="shared" si="2"/>
        <v>5</v>
      </c>
      <c r="J14" s="22"/>
      <c r="K14" s="25"/>
      <c r="L14" s="8"/>
    </row>
    <row r="15" spans="1:12" ht="27" customHeight="1">
      <c r="A15" s="19">
        <v>8</v>
      </c>
      <c r="B15" s="68" t="s">
        <v>16</v>
      </c>
      <c r="C15" s="70"/>
      <c r="D15" s="70"/>
      <c r="E15" s="69"/>
      <c r="F15" s="20"/>
      <c r="G15" s="21">
        <f t="shared" ref="G15:H18" si="3">G16</f>
        <v>5092</v>
      </c>
      <c r="H15" s="21">
        <f t="shared" si="3"/>
        <v>4011</v>
      </c>
      <c r="I15" s="21">
        <f t="shared" ref="I15:I18" si="4">+H15-G15</f>
        <v>-1081</v>
      </c>
      <c r="J15" s="22"/>
      <c r="K15" s="23"/>
      <c r="L15" s="8"/>
    </row>
    <row r="16" spans="1:12" ht="27" customHeight="1">
      <c r="A16" s="19">
        <v>9</v>
      </c>
      <c r="B16" s="26"/>
      <c r="C16" s="68" t="s">
        <v>17</v>
      </c>
      <c r="D16" s="70"/>
      <c r="E16" s="69"/>
      <c r="F16" s="20"/>
      <c r="G16" s="21">
        <f t="shared" si="3"/>
        <v>5092</v>
      </c>
      <c r="H16" s="21">
        <f t="shared" si="3"/>
        <v>4011</v>
      </c>
      <c r="I16" s="21">
        <f t="shared" si="4"/>
        <v>-1081</v>
      </c>
      <c r="J16" s="22"/>
      <c r="K16" s="25"/>
      <c r="L16" s="8"/>
    </row>
    <row r="17" spans="1:12" ht="27" customHeight="1">
      <c r="A17" s="19">
        <v>10</v>
      </c>
      <c r="B17" s="26"/>
      <c r="C17" s="26"/>
      <c r="D17" s="68" t="s">
        <v>18</v>
      </c>
      <c r="E17" s="69"/>
      <c r="F17" s="27"/>
      <c r="G17" s="21">
        <f t="shared" si="3"/>
        <v>5092</v>
      </c>
      <c r="H17" s="21">
        <f t="shared" si="3"/>
        <v>4011</v>
      </c>
      <c r="I17" s="21">
        <f t="shared" si="4"/>
        <v>-1081</v>
      </c>
      <c r="J17" s="22"/>
      <c r="K17" s="25"/>
      <c r="L17" s="8"/>
    </row>
    <row r="18" spans="1:12" ht="27" customHeight="1">
      <c r="A18" s="19">
        <v>11</v>
      </c>
      <c r="B18" s="26"/>
      <c r="C18" s="26"/>
      <c r="D18" s="26"/>
      <c r="E18" s="28" t="s">
        <v>35</v>
      </c>
      <c r="F18" s="28"/>
      <c r="G18" s="21">
        <f t="shared" si="3"/>
        <v>5092</v>
      </c>
      <c r="H18" s="21">
        <f t="shared" si="3"/>
        <v>4011</v>
      </c>
      <c r="I18" s="21">
        <f t="shared" si="4"/>
        <v>-1081</v>
      </c>
      <c r="J18" s="22"/>
      <c r="K18" s="25"/>
      <c r="L18" s="8"/>
    </row>
    <row r="19" spans="1:12" ht="27" customHeight="1">
      <c r="A19" s="19">
        <v>12</v>
      </c>
      <c r="B19" s="26"/>
      <c r="C19" s="26"/>
      <c r="D19" s="26"/>
      <c r="E19" s="29"/>
      <c r="F19" s="29" t="s">
        <v>30</v>
      </c>
      <c r="G19" s="31">
        <v>5092</v>
      </c>
      <c r="H19" s="31">
        <v>4011</v>
      </c>
      <c r="I19" s="31">
        <f t="shared" ref="I19" si="5">+H19-G19</f>
        <v>-1081</v>
      </c>
      <c r="J19" s="32"/>
      <c r="K19" s="33"/>
      <c r="L19" s="8"/>
    </row>
    <row r="20" spans="1:12" ht="27" customHeight="1">
      <c r="A20" s="19">
        <v>13</v>
      </c>
      <c r="B20" s="68" t="s">
        <v>19</v>
      </c>
      <c r="C20" s="70"/>
      <c r="D20" s="70"/>
      <c r="E20" s="69"/>
      <c r="F20" s="20"/>
      <c r="G20" s="21">
        <f t="shared" ref="G20:H22" si="6">G21</f>
        <v>466</v>
      </c>
      <c r="H20" s="21">
        <f t="shared" si="6"/>
        <v>6439</v>
      </c>
      <c r="I20" s="21">
        <f t="shared" ref="I20:I25" si="7">+H20-G20</f>
        <v>5973</v>
      </c>
      <c r="J20" s="22"/>
      <c r="K20" s="23"/>
      <c r="L20" s="8"/>
    </row>
    <row r="21" spans="1:12" ht="27" customHeight="1">
      <c r="A21" s="19">
        <v>14</v>
      </c>
      <c r="B21" s="26"/>
      <c r="C21" s="68" t="s">
        <v>20</v>
      </c>
      <c r="D21" s="70"/>
      <c r="E21" s="69"/>
      <c r="F21" s="36"/>
      <c r="G21" s="31">
        <f t="shared" si="6"/>
        <v>466</v>
      </c>
      <c r="H21" s="31">
        <f t="shared" si="6"/>
        <v>6439</v>
      </c>
      <c r="I21" s="31">
        <f t="shared" si="7"/>
        <v>5973</v>
      </c>
      <c r="J21" s="32"/>
      <c r="K21" s="33"/>
      <c r="L21" s="8"/>
    </row>
    <row r="22" spans="1:12" ht="27" customHeight="1">
      <c r="A22" s="19">
        <v>15</v>
      </c>
      <c r="B22" s="26"/>
      <c r="C22" s="24"/>
      <c r="D22" s="68" t="s">
        <v>21</v>
      </c>
      <c r="E22" s="69"/>
      <c r="F22" s="27"/>
      <c r="G22" s="21">
        <f t="shared" si="6"/>
        <v>466</v>
      </c>
      <c r="H22" s="21">
        <f t="shared" si="6"/>
        <v>6439</v>
      </c>
      <c r="I22" s="21">
        <f t="shared" si="7"/>
        <v>5973</v>
      </c>
      <c r="J22" s="22"/>
      <c r="K22" s="25"/>
      <c r="L22" s="8"/>
    </row>
    <row r="23" spans="1:12" ht="27" customHeight="1">
      <c r="A23" s="19">
        <v>16</v>
      </c>
      <c r="B23" s="26"/>
      <c r="C23" s="26"/>
      <c r="D23" s="26"/>
      <c r="E23" s="29" t="s">
        <v>22</v>
      </c>
      <c r="F23" s="30"/>
      <c r="G23" s="31">
        <f>G24+G25+G26</f>
        <v>466</v>
      </c>
      <c r="H23" s="31">
        <f>H24+H25+H26</f>
        <v>6439</v>
      </c>
      <c r="I23" s="31">
        <f t="shared" si="7"/>
        <v>5973</v>
      </c>
      <c r="J23" s="32"/>
      <c r="K23" s="33"/>
      <c r="L23" s="8"/>
    </row>
    <row r="24" spans="1:12" ht="27" customHeight="1">
      <c r="A24" s="19">
        <v>17</v>
      </c>
      <c r="B24" s="26"/>
      <c r="C24" s="26"/>
      <c r="D24" s="26"/>
      <c r="E24" s="28"/>
      <c r="F24" s="28" t="s">
        <v>23</v>
      </c>
      <c r="G24" s="21">
        <v>407</v>
      </c>
      <c r="H24" s="21">
        <v>407</v>
      </c>
      <c r="I24" s="21">
        <f t="shared" si="7"/>
        <v>0</v>
      </c>
      <c r="J24" s="22"/>
      <c r="K24" s="25"/>
      <c r="L24" s="8"/>
    </row>
    <row r="25" spans="1:12" ht="27" customHeight="1">
      <c r="A25" s="19">
        <v>18</v>
      </c>
      <c r="B25" s="26"/>
      <c r="C25" s="26"/>
      <c r="D25" s="26"/>
      <c r="E25" s="44"/>
      <c r="F25" s="65" t="s">
        <v>36</v>
      </c>
      <c r="G25" s="21">
        <v>0</v>
      </c>
      <c r="H25" s="21">
        <v>6032</v>
      </c>
      <c r="I25" s="21">
        <f t="shared" si="7"/>
        <v>6032</v>
      </c>
      <c r="J25" s="22"/>
      <c r="K25" s="25"/>
      <c r="L25" s="8"/>
    </row>
    <row r="26" spans="1:12" ht="27" customHeight="1">
      <c r="A26" s="19">
        <v>19</v>
      </c>
      <c r="B26" s="26"/>
      <c r="C26" s="26"/>
      <c r="D26" s="26"/>
      <c r="E26" s="28"/>
      <c r="F26" s="28" t="s">
        <v>31</v>
      </c>
      <c r="G26" s="21">
        <v>59</v>
      </c>
      <c r="H26" s="21">
        <v>0</v>
      </c>
      <c r="I26" s="21">
        <f t="shared" ref="I26" si="8">+H26-G26</f>
        <v>-59</v>
      </c>
      <c r="J26" s="22"/>
      <c r="K26" s="25"/>
      <c r="L26" s="8"/>
    </row>
    <row r="27" spans="1:12" ht="27" customHeight="1">
      <c r="A27" s="19">
        <v>20</v>
      </c>
      <c r="B27" s="68" t="s">
        <v>24</v>
      </c>
      <c r="C27" s="70"/>
      <c r="D27" s="70"/>
      <c r="E27" s="69"/>
      <c r="F27" s="20"/>
      <c r="G27" s="21">
        <f t="shared" ref="G27:H31" si="9">G28</f>
        <v>19045</v>
      </c>
      <c r="H27" s="21">
        <f t="shared" si="9"/>
        <v>17581</v>
      </c>
      <c r="I27" s="21">
        <f t="shared" ref="I27" si="10">+H27-G27</f>
        <v>-1464</v>
      </c>
      <c r="J27" s="22"/>
      <c r="K27" s="23"/>
      <c r="L27" s="8"/>
    </row>
    <row r="28" spans="1:12" ht="27" customHeight="1">
      <c r="A28" s="19">
        <v>21</v>
      </c>
      <c r="B28" s="26"/>
      <c r="C28" s="68" t="s">
        <v>25</v>
      </c>
      <c r="D28" s="70"/>
      <c r="E28" s="69"/>
      <c r="F28" s="20"/>
      <c r="G28" s="21">
        <f t="shared" si="9"/>
        <v>19045</v>
      </c>
      <c r="H28" s="21">
        <f t="shared" si="9"/>
        <v>17581</v>
      </c>
      <c r="I28" s="21">
        <f t="shared" ref="I28" si="11">+H28-G28</f>
        <v>-1464</v>
      </c>
      <c r="J28" s="22"/>
      <c r="K28" s="25"/>
      <c r="L28" s="8"/>
    </row>
    <row r="29" spans="1:12" ht="27" customHeight="1">
      <c r="A29" s="19">
        <v>22</v>
      </c>
      <c r="B29" s="26"/>
      <c r="C29" s="26"/>
      <c r="D29" s="68" t="s">
        <v>26</v>
      </c>
      <c r="E29" s="69"/>
      <c r="F29" s="27"/>
      <c r="G29" s="21">
        <f t="shared" si="9"/>
        <v>19045</v>
      </c>
      <c r="H29" s="21">
        <f t="shared" si="9"/>
        <v>17581</v>
      </c>
      <c r="I29" s="21">
        <f t="shared" ref="I29:I30" si="12">+H29-G29</f>
        <v>-1464</v>
      </c>
      <c r="J29" s="22"/>
      <c r="K29" s="25"/>
      <c r="L29" s="8"/>
    </row>
    <row r="30" spans="1:12" ht="27" customHeight="1">
      <c r="A30" s="19">
        <v>23</v>
      </c>
      <c r="B30" s="26"/>
      <c r="C30" s="26"/>
      <c r="D30" s="24"/>
      <c r="E30" s="40" t="s">
        <v>27</v>
      </c>
      <c r="F30" s="27"/>
      <c r="G30" s="21">
        <f t="shared" si="9"/>
        <v>19045</v>
      </c>
      <c r="H30" s="21">
        <f t="shared" si="9"/>
        <v>17581</v>
      </c>
      <c r="I30" s="21">
        <f t="shared" si="12"/>
        <v>-1464</v>
      </c>
      <c r="J30" s="22"/>
      <c r="K30" s="25"/>
      <c r="L30" s="8"/>
    </row>
    <row r="31" spans="1:12" ht="27" customHeight="1">
      <c r="A31" s="19">
        <v>24</v>
      </c>
      <c r="B31" s="26"/>
      <c r="C31" s="26"/>
      <c r="D31" s="26"/>
      <c r="E31" s="40"/>
      <c r="F31" s="27" t="s">
        <v>28</v>
      </c>
      <c r="G31" s="21">
        <f t="shared" si="9"/>
        <v>19045</v>
      </c>
      <c r="H31" s="21">
        <f t="shared" si="9"/>
        <v>17581</v>
      </c>
      <c r="I31" s="21">
        <f t="shared" ref="I31:I32" si="13">+H31-G31</f>
        <v>-1464</v>
      </c>
      <c r="J31" s="22"/>
      <c r="K31" s="25"/>
      <c r="L31" s="8"/>
    </row>
    <row r="32" spans="1:12" ht="27" customHeight="1">
      <c r="A32" s="19">
        <v>25</v>
      </c>
      <c r="B32" s="26"/>
      <c r="C32" s="26"/>
      <c r="D32" s="26"/>
      <c r="E32" s="40"/>
      <c r="F32" s="27"/>
      <c r="G32" s="21">
        <v>19045</v>
      </c>
      <c r="H32" s="21">
        <v>17581</v>
      </c>
      <c r="I32" s="21">
        <f t="shared" si="13"/>
        <v>-1464</v>
      </c>
      <c r="J32" s="22"/>
      <c r="K32" s="25"/>
      <c r="L32" s="8"/>
    </row>
    <row r="33" spans="1:12" ht="27" customHeight="1" thickBot="1">
      <c r="A33" s="66" t="s">
        <v>29</v>
      </c>
      <c r="B33" s="67"/>
      <c r="C33" s="67"/>
      <c r="D33" s="67"/>
      <c r="E33" s="67"/>
      <c r="F33" s="38"/>
      <c r="G33" s="34">
        <f>SUM(G8,G15,G20,G27)</f>
        <v>35175</v>
      </c>
      <c r="H33" s="34">
        <f t="shared" ref="H33:I33" si="14">SUM(H8,H15,H20,H27)</f>
        <v>38280</v>
      </c>
      <c r="I33" s="34">
        <f t="shared" si="14"/>
        <v>3105</v>
      </c>
      <c r="J33" s="35"/>
      <c r="K33" s="39"/>
      <c r="L33" s="8"/>
    </row>
    <row r="34" spans="1:12">
      <c r="L34" s="8"/>
    </row>
    <row r="35" spans="1:12" ht="14" customHeight="1">
      <c r="L35" s="8"/>
    </row>
    <row r="36" spans="1:12" ht="14" customHeight="1">
      <c r="L36" s="8"/>
    </row>
    <row r="37" spans="1:12">
      <c r="L37" s="8"/>
    </row>
    <row r="38" spans="1:12">
      <c r="L38" s="8"/>
    </row>
    <row r="39" spans="1:12" ht="14" customHeight="1">
      <c r="L39" s="8"/>
    </row>
    <row r="40" spans="1:12" ht="14" customHeight="1">
      <c r="L40" s="8"/>
    </row>
    <row r="41" spans="1:12">
      <c r="L41" s="8"/>
    </row>
    <row r="42" spans="1:12">
      <c r="L42" s="8"/>
    </row>
    <row r="43" spans="1:12" ht="14.5" customHeight="1">
      <c r="L43" s="8"/>
    </row>
    <row r="44" spans="1:12" ht="14" customHeight="1">
      <c r="L44" s="8"/>
    </row>
    <row r="45" spans="1:12" ht="14" customHeight="1">
      <c r="L45" s="8"/>
    </row>
    <row r="46" spans="1:12">
      <c r="L46" s="8"/>
    </row>
    <row r="47" spans="1:12" ht="14" customHeight="1">
      <c r="L47" s="8"/>
    </row>
    <row r="48" spans="1:12" ht="14" customHeight="1">
      <c r="F48" s="41"/>
      <c r="G48" s="42"/>
      <c r="H48" s="42"/>
      <c r="I48" s="43"/>
      <c r="L48" s="8"/>
    </row>
    <row r="49" spans="6:12">
      <c r="F49" s="41"/>
      <c r="G49" s="42"/>
      <c r="H49" s="42"/>
      <c r="I49" s="43"/>
      <c r="L49" s="8"/>
    </row>
    <row r="50" spans="6:12" ht="14" customHeight="1">
      <c r="F50" s="41"/>
      <c r="G50" s="42"/>
      <c r="H50" s="42"/>
      <c r="I50" s="43"/>
      <c r="L50" s="8"/>
    </row>
    <row r="51" spans="6:12" ht="14" customHeight="1">
      <c r="F51" s="41"/>
      <c r="G51" s="42"/>
      <c r="H51" s="42"/>
      <c r="I51" s="43"/>
      <c r="L51" s="8"/>
    </row>
    <row r="52" spans="6:12">
      <c r="F52" s="41"/>
      <c r="G52" s="42"/>
      <c r="H52" s="42"/>
      <c r="I52" s="43"/>
      <c r="L52" s="8"/>
    </row>
    <row r="53" spans="6:12" ht="14" customHeight="1">
      <c r="F53" s="41"/>
      <c r="G53" s="42"/>
      <c r="H53" s="42"/>
      <c r="I53" s="43"/>
      <c r="L53" s="8"/>
    </row>
    <row r="54" spans="6:12" ht="14" customHeight="1">
      <c r="F54" s="41"/>
      <c r="G54" s="42"/>
      <c r="H54" s="42"/>
      <c r="I54" s="43"/>
      <c r="L54" s="8"/>
    </row>
    <row r="55" spans="6:12">
      <c r="F55" s="41"/>
      <c r="G55" s="42"/>
      <c r="H55" s="42"/>
      <c r="I55" s="43"/>
      <c r="L55" s="8"/>
    </row>
    <row r="56" spans="6:12" ht="14" customHeight="1">
      <c r="F56" s="41"/>
      <c r="G56" s="42"/>
      <c r="H56" s="42"/>
      <c r="I56" s="43"/>
      <c r="L56" s="8"/>
    </row>
    <row r="57" spans="6:12" ht="14" customHeight="1">
      <c r="L57" s="8"/>
    </row>
    <row r="58" spans="6:12">
      <c r="L58" s="8"/>
    </row>
    <row r="59" spans="6:12" ht="14" customHeight="1">
      <c r="L59" s="8"/>
    </row>
    <row r="60" spans="6:12" ht="14" customHeight="1">
      <c r="L60" s="8"/>
    </row>
    <row r="61" spans="6:12">
      <c r="L61" s="8"/>
    </row>
    <row r="62" spans="6:12" ht="14" customHeight="1">
      <c r="L62" s="8"/>
    </row>
    <row r="63" spans="6:12" ht="14" customHeight="1">
      <c r="L63" s="8"/>
    </row>
    <row r="64" spans="6:12" ht="14" customHeight="1">
      <c r="L64" s="8"/>
    </row>
    <row r="65" spans="12:12">
      <c r="L65" s="8"/>
    </row>
    <row r="66" spans="12:12" ht="14" customHeight="1">
      <c r="L66" s="8"/>
    </row>
    <row r="67" spans="12:12" ht="14" customHeight="1">
      <c r="L67" s="8"/>
    </row>
    <row r="68" spans="12:12" ht="14" customHeight="1">
      <c r="L68" s="8"/>
    </row>
    <row r="69" spans="12:12">
      <c r="L69" s="8"/>
    </row>
    <row r="70" spans="12:12" ht="14" customHeight="1">
      <c r="L70" s="8"/>
    </row>
    <row r="71" spans="12:12" ht="14" customHeight="1">
      <c r="L71" s="8"/>
    </row>
    <row r="72" spans="12:12" ht="14" customHeight="1">
      <c r="L72" s="8"/>
    </row>
    <row r="73" spans="12:12">
      <c r="L73" s="8"/>
    </row>
    <row r="74" spans="12:12" ht="14" customHeight="1">
      <c r="L74" s="8"/>
    </row>
    <row r="75" spans="12:12" ht="14" customHeight="1">
      <c r="L75" s="8"/>
    </row>
    <row r="76" spans="12:12" ht="14" customHeight="1">
      <c r="L76" s="8"/>
    </row>
    <row r="77" spans="12:12">
      <c r="L77" s="8"/>
    </row>
    <row r="78" spans="12:12" ht="14" customHeight="1">
      <c r="L78" s="8"/>
    </row>
    <row r="79" spans="12:12" ht="14" customHeight="1">
      <c r="L79" s="8"/>
    </row>
    <row r="80" spans="12:12" ht="14" customHeight="1">
      <c r="L80" s="8"/>
    </row>
    <row r="81" spans="12:12">
      <c r="L81" s="8"/>
    </row>
    <row r="82" spans="12:12" ht="14" customHeight="1">
      <c r="L82" s="8"/>
    </row>
    <row r="83" spans="12:12" ht="14" customHeight="1">
      <c r="L83" s="8"/>
    </row>
    <row r="84" spans="12:12" ht="14" customHeight="1">
      <c r="L84" s="8"/>
    </row>
    <row r="85" spans="12:12">
      <c r="L85" s="8"/>
    </row>
    <row r="86" spans="12:12" ht="14" customHeight="1">
      <c r="L86" s="8"/>
    </row>
    <row r="87" spans="12:12" ht="14" customHeight="1">
      <c r="L87" s="8"/>
    </row>
    <row r="88" spans="12:12" ht="14" customHeight="1">
      <c r="L88" s="8"/>
    </row>
    <row r="89" spans="12:12">
      <c r="L89" s="8"/>
    </row>
    <row r="90" spans="12:12" ht="14" customHeight="1">
      <c r="L90" s="8"/>
    </row>
    <row r="91" spans="12:12" ht="14" customHeight="1">
      <c r="L91" s="8"/>
    </row>
    <row r="92" spans="12:12" ht="14" customHeight="1">
      <c r="L92" s="8"/>
    </row>
    <row r="93" spans="12:12">
      <c r="L93" s="8"/>
    </row>
    <row r="94" spans="12:12" ht="14" customHeight="1">
      <c r="L94" s="8"/>
    </row>
    <row r="95" spans="12:12" ht="14" customHeight="1">
      <c r="L95" s="8"/>
    </row>
    <row r="96" spans="12:12" ht="14" customHeight="1">
      <c r="L96" s="8"/>
    </row>
    <row r="97" spans="12:12">
      <c r="L97" s="8"/>
    </row>
    <row r="98" spans="12:12" ht="14" customHeight="1">
      <c r="L98" s="8"/>
    </row>
    <row r="99" spans="12:12">
      <c r="L99" s="8"/>
    </row>
    <row r="100" spans="12:12" ht="14" customHeight="1">
      <c r="L100" s="8"/>
    </row>
    <row r="101" spans="12:12" ht="14" customHeight="1">
      <c r="L101" s="8"/>
    </row>
    <row r="102" spans="12:12" ht="14" customHeight="1">
      <c r="L102" s="8"/>
    </row>
    <row r="103" spans="12:12">
      <c r="L103" s="8"/>
    </row>
    <row r="104" spans="12:12" ht="40.5" customHeight="1">
      <c r="L104" s="8"/>
    </row>
    <row r="105" spans="12:12" ht="40.5" customHeight="1">
      <c r="L105" s="8"/>
    </row>
    <row r="106" spans="12:12" ht="54" customHeight="1">
      <c r="L106" s="8"/>
    </row>
    <row r="107" spans="12:12" ht="14" customHeight="1">
      <c r="L107" s="8"/>
    </row>
    <row r="108" spans="12:12" ht="14" customHeight="1">
      <c r="L108" s="8"/>
    </row>
    <row r="109" spans="12:12" ht="14" customHeight="1">
      <c r="L109" s="8"/>
    </row>
    <row r="110" spans="12:12">
      <c r="L110" s="8"/>
    </row>
    <row r="111" spans="12:12" ht="14" customHeight="1">
      <c r="L111" s="8"/>
    </row>
    <row r="112" spans="12:12" ht="14" customHeight="1">
      <c r="L112" s="8"/>
    </row>
    <row r="113" spans="12:12" ht="14" customHeight="1">
      <c r="L113" s="8"/>
    </row>
    <row r="114" spans="12:12">
      <c r="L114" s="8"/>
    </row>
    <row r="115" spans="12:12" ht="14" customHeight="1">
      <c r="L115" s="8"/>
    </row>
    <row r="116" spans="12:12" ht="14.5" customHeight="1">
      <c r="L116" s="8"/>
    </row>
    <row r="117" spans="12:12" ht="14" customHeight="1">
      <c r="L117" s="8"/>
    </row>
    <row r="118" spans="12:12" ht="27" customHeight="1">
      <c r="L118" s="8"/>
    </row>
    <row r="119" spans="12:12" ht="40.5" customHeight="1">
      <c r="L119" s="8"/>
    </row>
    <row r="120" spans="12:12" ht="27.75" customHeight="1">
      <c r="L120" s="8"/>
    </row>
    <row r="121" spans="12:12" ht="27" customHeight="1">
      <c r="L121" s="8"/>
    </row>
    <row r="122" spans="12:12">
      <c r="L122" s="8"/>
    </row>
    <row r="123" spans="12:12" ht="27" customHeight="1">
      <c r="L123" s="8"/>
    </row>
    <row r="124" spans="12:12" ht="14" customHeight="1">
      <c r="L124" s="8"/>
    </row>
    <row r="125" spans="12:12" ht="14" customHeight="1">
      <c r="L125" s="8"/>
    </row>
    <row r="126" spans="12:12">
      <c r="L126" s="8"/>
    </row>
    <row r="127" spans="12:12">
      <c r="L127" s="8"/>
    </row>
    <row r="128" spans="12:12">
      <c r="L128" s="8"/>
    </row>
    <row r="129" spans="12:12">
      <c r="L129" s="8"/>
    </row>
    <row r="130" spans="12:12">
      <c r="L130" s="8"/>
    </row>
    <row r="131" spans="12:12">
      <c r="L131" s="8"/>
    </row>
    <row r="132" spans="12:12">
      <c r="L132" s="8"/>
    </row>
    <row r="133" spans="12:12">
      <c r="L133" s="8"/>
    </row>
    <row r="134" spans="12:12">
      <c r="L134" s="8"/>
    </row>
    <row r="135" spans="12:12">
      <c r="L135" s="8"/>
    </row>
    <row r="136" spans="12:12">
      <c r="L136" s="8"/>
    </row>
    <row r="137" spans="12:12">
      <c r="L137" s="8"/>
    </row>
    <row r="138" spans="12:12">
      <c r="L138" s="8"/>
    </row>
    <row r="139" spans="12:12">
      <c r="L139" s="8"/>
    </row>
    <row r="140" spans="12:12">
      <c r="L140" s="8"/>
    </row>
    <row r="141" spans="12:12">
      <c r="L141" s="8"/>
    </row>
    <row r="142" spans="12:12">
      <c r="L142" s="8"/>
    </row>
    <row r="143" spans="12:12">
      <c r="L143" s="8"/>
    </row>
    <row r="144" spans="12:12">
      <c r="L144" s="8"/>
    </row>
    <row r="145" spans="12:12">
      <c r="L145" s="8"/>
    </row>
    <row r="146" spans="12:12">
      <c r="L146" s="8"/>
    </row>
    <row r="147" spans="12:12">
      <c r="L147" s="8"/>
    </row>
    <row r="148" spans="12:12">
      <c r="L148" s="8"/>
    </row>
    <row r="149" spans="12:12">
      <c r="L149" s="8"/>
    </row>
    <row r="150" spans="12:12">
      <c r="L150" s="8"/>
    </row>
    <row r="151" spans="12:12">
      <c r="L151" s="8"/>
    </row>
    <row r="152" spans="12:12">
      <c r="L152" s="8"/>
    </row>
    <row r="153" spans="12:12">
      <c r="L153" s="8"/>
    </row>
    <row r="154" spans="12:12">
      <c r="L154" s="8"/>
    </row>
    <row r="155" spans="12:12">
      <c r="L155" s="8"/>
    </row>
    <row r="156" spans="12:12">
      <c r="L156" s="8"/>
    </row>
    <row r="157" spans="12:12">
      <c r="L157" s="8"/>
    </row>
    <row r="158" spans="12:12">
      <c r="L158" s="8"/>
    </row>
    <row r="159" spans="12:12">
      <c r="L159" s="8"/>
    </row>
    <row r="160" spans="12:12">
      <c r="L160" s="8"/>
    </row>
    <row r="161" spans="12:12">
      <c r="L161" s="8"/>
    </row>
    <row r="162" spans="12:12">
      <c r="L162" s="8"/>
    </row>
    <row r="163" spans="12:12">
      <c r="L163" s="8"/>
    </row>
    <row r="164" spans="12:12">
      <c r="L164" s="8"/>
    </row>
    <row r="165" spans="12:12">
      <c r="L165" s="8"/>
    </row>
    <row r="166" spans="12:12">
      <c r="L166" s="8"/>
    </row>
    <row r="167" spans="12:12">
      <c r="L167" s="8"/>
    </row>
    <row r="168" spans="12:12">
      <c r="L168" s="8"/>
    </row>
    <row r="169" spans="12:12">
      <c r="L169" s="8"/>
    </row>
    <row r="170" spans="12:12">
      <c r="L170" s="8"/>
    </row>
    <row r="171" spans="12:12">
      <c r="L171" s="8"/>
    </row>
    <row r="172" spans="12:12">
      <c r="L172" s="8"/>
    </row>
    <row r="173" spans="12:12">
      <c r="L173" s="8"/>
    </row>
    <row r="174" spans="12:12">
      <c r="L174" s="8"/>
    </row>
    <row r="175" spans="12:12">
      <c r="L175" s="8"/>
    </row>
    <row r="176" spans="12:12">
      <c r="L176" s="8"/>
    </row>
    <row r="177" spans="12:12">
      <c r="L177" s="8"/>
    </row>
    <row r="178" spans="12:12">
      <c r="L178" s="8"/>
    </row>
    <row r="179" spans="12:12">
      <c r="L179" s="8"/>
    </row>
    <row r="180" spans="12:12">
      <c r="L180" s="8"/>
    </row>
    <row r="181" spans="12:12">
      <c r="L181" s="8"/>
    </row>
    <row r="182" spans="12:12">
      <c r="L182" s="8"/>
    </row>
    <row r="183" spans="12:12">
      <c r="L183" s="8"/>
    </row>
    <row r="184" spans="12:12">
      <c r="L184" s="8"/>
    </row>
    <row r="185" spans="12:12">
      <c r="L185" s="8"/>
    </row>
    <row r="186" spans="12:12">
      <c r="L186" s="8"/>
    </row>
    <row r="187" spans="12:12" ht="14" customHeight="1">
      <c r="L187" s="8"/>
    </row>
    <row r="188" spans="12:12" ht="27" customHeight="1">
      <c r="L188" s="8"/>
    </row>
    <row r="189" spans="12:12">
      <c r="L189" s="8"/>
    </row>
    <row r="190" spans="12:12">
      <c r="L190" s="8"/>
    </row>
    <row r="191" spans="12:12">
      <c r="L191" s="8"/>
    </row>
    <row r="192" spans="12:12" ht="14" customHeight="1">
      <c r="L192" s="8"/>
    </row>
    <row r="193" spans="12:12">
      <c r="L193" s="8"/>
    </row>
    <row r="194" spans="12:12">
      <c r="L194" s="8"/>
    </row>
    <row r="195" spans="12:12">
      <c r="L195" s="8"/>
    </row>
    <row r="196" spans="12:12">
      <c r="L196" s="8"/>
    </row>
    <row r="197" spans="12:12" ht="14" customHeight="1">
      <c r="L197" s="8"/>
    </row>
    <row r="198" spans="12:12">
      <c r="L198" s="8"/>
    </row>
    <row r="199" spans="12:12">
      <c r="L199" s="8"/>
    </row>
    <row r="200" spans="12:12">
      <c r="L200" s="8"/>
    </row>
    <row r="201" spans="12:12">
      <c r="L201" s="8"/>
    </row>
    <row r="202" spans="12:12" ht="14" customHeight="1">
      <c r="L202" s="8"/>
    </row>
    <row r="203" spans="12:12">
      <c r="L203" s="8"/>
    </row>
    <row r="204" spans="12:12">
      <c r="L204" s="8"/>
    </row>
    <row r="205" spans="12:12">
      <c r="L205" s="8"/>
    </row>
    <row r="206" spans="12:12" ht="14" customHeight="1">
      <c r="L206" s="8"/>
    </row>
    <row r="207" spans="12:12">
      <c r="L207" s="8"/>
    </row>
    <row r="208" spans="12:12">
      <c r="L208" s="8"/>
    </row>
    <row r="209" spans="12:12">
      <c r="L209" s="8"/>
    </row>
    <row r="210" spans="12:12" ht="14" customHeight="1">
      <c r="L210" s="8"/>
    </row>
    <row r="211" spans="12:12">
      <c r="L211" s="8"/>
    </row>
    <row r="212" spans="12:12">
      <c r="L212" s="8"/>
    </row>
    <row r="213" spans="12:12">
      <c r="L213" s="8"/>
    </row>
    <row r="214" spans="12:12">
      <c r="L214" s="8"/>
    </row>
    <row r="215" spans="12:12">
      <c r="L215" s="8"/>
    </row>
    <row r="216" spans="12:12">
      <c r="L216" s="8"/>
    </row>
    <row r="217" spans="12:12">
      <c r="L217" s="8"/>
    </row>
    <row r="218" spans="12:12" ht="14" customHeight="1">
      <c r="L218" s="8"/>
    </row>
    <row r="219" spans="12:12">
      <c r="L219" s="8"/>
    </row>
    <row r="220" spans="12:12">
      <c r="L220" s="8"/>
    </row>
    <row r="221" spans="12:12">
      <c r="L221" s="8"/>
    </row>
    <row r="222" spans="12:12">
      <c r="L222" s="8"/>
    </row>
    <row r="223" spans="12:12">
      <c r="L223" s="8"/>
    </row>
    <row r="224" spans="12:12" ht="14.5" customHeight="1">
      <c r="L224" s="8"/>
    </row>
    <row r="225" spans="12:12">
      <c r="L225" s="8"/>
    </row>
    <row r="226" spans="12:12" ht="40.5" customHeight="1">
      <c r="L226" s="8"/>
    </row>
    <row r="227" spans="12:12" ht="14" customHeight="1">
      <c r="L227" s="8"/>
    </row>
    <row r="228" spans="12:12">
      <c r="L228" s="8"/>
    </row>
    <row r="229" spans="12:12">
      <c r="L229" s="8"/>
    </row>
    <row r="230" spans="12:12" ht="14" customHeight="1">
      <c r="L230" s="8"/>
    </row>
    <row r="231" spans="12:12" ht="40.5" customHeight="1">
      <c r="L231" s="8"/>
    </row>
    <row r="232" spans="12:12">
      <c r="L232" s="8"/>
    </row>
    <row r="233" spans="12:12">
      <c r="L233" s="8"/>
    </row>
    <row r="234" spans="12:12">
      <c r="L234" s="8"/>
    </row>
    <row r="235" spans="12:12">
      <c r="L235" s="8"/>
    </row>
    <row r="236" spans="12:12" ht="14" customHeight="1">
      <c r="L236" s="8"/>
    </row>
    <row r="237" spans="12:12" ht="14" customHeight="1">
      <c r="L237" s="8"/>
    </row>
    <row r="238" spans="12:12">
      <c r="L238" s="8"/>
    </row>
    <row r="239" spans="12:12">
      <c r="L239" s="8"/>
    </row>
    <row r="240" spans="12:12">
      <c r="L240" s="8"/>
    </row>
    <row r="241" spans="12:12">
      <c r="L241" s="8"/>
    </row>
    <row r="242" spans="12:12">
      <c r="L242" s="8"/>
    </row>
    <row r="243" spans="12:12">
      <c r="L243" s="8"/>
    </row>
    <row r="244" spans="12:12">
      <c r="L244" s="8"/>
    </row>
    <row r="245" spans="12:12">
      <c r="L245" s="8"/>
    </row>
    <row r="246" spans="12:12" ht="27" customHeight="1">
      <c r="L246" s="8"/>
    </row>
    <row r="247" spans="12:12">
      <c r="L247" s="8"/>
    </row>
    <row r="248" spans="12:12">
      <c r="L248" s="8"/>
    </row>
    <row r="249" spans="12:12">
      <c r="L249" s="8"/>
    </row>
    <row r="250" spans="12:12">
      <c r="L250" s="8"/>
    </row>
    <row r="251" spans="12:12">
      <c r="L251" s="8"/>
    </row>
    <row r="252" spans="12:12">
      <c r="L252" s="8"/>
    </row>
    <row r="253" spans="12:12">
      <c r="L253" s="8"/>
    </row>
    <row r="254" spans="12:12" ht="14" customHeight="1">
      <c r="L254" s="8"/>
    </row>
    <row r="255" spans="12:12">
      <c r="L255" s="8"/>
    </row>
    <row r="256" spans="12:12" ht="14" customHeight="1">
      <c r="L256" s="8"/>
    </row>
    <row r="257" spans="12:12">
      <c r="L257" s="8"/>
    </row>
    <row r="258" spans="12:12">
      <c r="L258" s="8"/>
    </row>
    <row r="259" spans="12:12">
      <c r="L259" s="8"/>
    </row>
    <row r="260" spans="12:12">
      <c r="L260" s="8"/>
    </row>
    <row r="261" spans="12:12">
      <c r="L261" s="8"/>
    </row>
    <row r="262" spans="12:12">
      <c r="L262" s="8"/>
    </row>
    <row r="263" spans="12:12">
      <c r="L263" s="8"/>
    </row>
    <row r="264" spans="12:12">
      <c r="L264" s="8"/>
    </row>
    <row r="265" spans="12:12">
      <c r="L265" s="8"/>
    </row>
    <row r="266" spans="12:12">
      <c r="L266" s="8"/>
    </row>
    <row r="267" spans="12:12">
      <c r="L267" s="8"/>
    </row>
    <row r="268" spans="12:12">
      <c r="L268" s="8"/>
    </row>
    <row r="269" spans="12:12" ht="14" customHeight="1">
      <c r="L269" s="8"/>
    </row>
    <row r="270" spans="12:12" ht="27" customHeight="1">
      <c r="L270" s="8"/>
    </row>
    <row r="271" spans="12:12" ht="14" customHeight="1">
      <c r="L271" s="8"/>
    </row>
    <row r="272" spans="12:12">
      <c r="L272" s="8"/>
    </row>
    <row r="273" spans="12:12">
      <c r="L273" s="8"/>
    </row>
    <row r="274" spans="12:12">
      <c r="L274" s="8"/>
    </row>
    <row r="275" spans="12:12">
      <c r="L275" s="8"/>
    </row>
    <row r="276" spans="12:12">
      <c r="L276" s="8"/>
    </row>
    <row r="277" spans="12:12" ht="14" customHeight="1">
      <c r="L277" s="8"/>
    </row>
    <row r="278" spans="12:12">
      <c r="L278" s="8"/>
    </row>
    <row r="279" spans="12:12">
      <c r="L279" s="8"/>
    </row>
    <row r="280" spans="12:12" ht="14" customHeight="1">
      <c r="L280" s="8"/>
    </row>
    <row r="281" spans="12:12" ht="40.5" customHeight="1">
      <c r="L281" s="8"/>
    </row>
    <row r="282" spans="12:12" ht="40.5" customHeight="1">
      <c r="L282" s="8"/>
    </row>
    <row r="283" spans="12:12">
      <c r="L283" s="8"/>
    </row>
    <row r="284" spans="12:12">
      <c r="L284" s="8"/>
    </row>
    <row r="285" spans="12:12">
      <c r="L285" s="8"/>
    </row>
    <row r="286" spans="12:12" ht="40.5" customHeight="1">
      <c r="L286" s="8"/>
    </row>
    <row r="287" spans="12:12">
      <c r="L287" s="8"/>
    </row>
    <row r="288" spans="12:12">
      <c r="L288" s="8"/>
    </row>
    <row r="289" spans="12:12">
      <c r="L289" s="8"/>
    </row>
    <row r="290" spans="12:12" ht="14" customHeight="1">
      <c r="L290" s="8"/>
    </row>
    <row r="291" spans="12:12">
      <c r="L291" s="8"/>
    </row>
    <row r="292" spans="12:12">
      <c r="L292" s="8"/>
    </row>
    <row r="293" spans="12:12" ht="14" customHeight="1">
      <c r="L293" s="8"/>
    </row>
    <row r="294" spans="12:12">
      <c r="L294" s="8"/>
    </row>
    <row r="295" spans="12:12" ht="14" customHeight="1">
      <c r="L295" s="8"/>
    </row>
    <row r="296" spans="12:12" ht="40.5" customHeight="1">
      <c r="L296" s="8"/>
    </row>
    <row r="297" spans="12:12">
      <c r="L297" s="8"/>
    </row>
    <row r="298" spans="12:12">
      <c r="L298" s="8"/>
    </row>
    <row r="299" spans="12:12">
      <c r="L299" s="8"/>
    </row>
    <row r="300" spans="12:12">
      <c r="L300" s="8"/>
    </row>
    <row r="301" spans="12:12">
      <c r="L301" s="8"/>
    </row>
    <row r="302" spans="12:12" ht="14" customHeight="1">
      <c r="L302" s="8"/>
    </row>
    <row r="303" spans="12:12" ht="14" customHeight="1">
      <c r="L303" s="8"/>
    </row>
    <row r="304" spans="12:12">
      <c r="L304" s="8"/>
    </row>
    <row r="305" spans="12:12">
      <c r="L305" s="8"/>
    </row>
    <row r="306" spans="12:12">
      <c r="L306" s="8"/>
    </row>
    <row r="307" spans="12:12">
      <c r="L307" s="8"/>
    </row>
    <row r="308" spans="12:12">
      <c r="L308" s="8"/>
    </row>
    <row r="309" spans="12:12">
      <c r="L309" s="8"/>
    </row>
    <row r="310" spans="12:12">
      <c r="L310" s="8"/>
    </row>
    <row r="311" spans="12:12" ht="14" customHeight="1">
      <c r="L311" s="8"/>
    </row>
    <row r="312" spans="12:12">
      <c r="L312" s="8"/>
    </row>
    <row r="313" spans="12:12" ht="27" customHeight="1">
      <c r="L313" s="8"/>
    </row>
    <row r="314" spans="12:12">
      <c r="L314" s="8"/>
    </row>
    <row r="315" spans="12:12">
      <c r="L315" s="8"/>
    </row>
    <row r="316" spans="12:12">
      <c r="L316" s="8"/>
    </row>
    <row r="317" spans="12:12">
      <c r="L317" s="8"/>
    </row>
    <row r="318" spans="12:12">
      <c r="L318" s="8"/>
    </row>
    <row r="319" spans="12:12" ht="27" customHeight="1">
      <c r="L319" s="8"/>
    </row>
    <row r="320" spans="12:12" ht="40.5" customHeight="1">
      <c r="L320" s="8"/>
    </row>
    <row r="321" spans="12:12">
      <c r="L321" s="8"/>
    </row>
    <row r="322" spans="12:12">
      <c r="L322" s="8"/>
    </row>
    <row r="323" spans="12:12" ht="14" customHeight="1">
      <c r="L323" s="8"/>
    </row>
    <row r="324" spans="12:12">
      <c r="L324" s="8"/>
    </row>
    <row r="325" spans="12:12" ht="14" customHeight="1">
      <c r="L325" s="8"/>
    </row>
    <row r="326" spans="12:12">
      <c r="L326" s="8"/>
    </row>
    <row r="327" spans="12:12">
      <c r="L327" s="8"/>
    </row>
    <row r="328" spans="12:12">
      <c r="L328" s="8"/>
    </row>
    <row r="329" spans="12:12" ht="14" customHeight="1">
      <c r="L329" s="8"/>
    </row>
    <row r="330" spans="12:12">
      <c r="L330" s="8"/>
    </row>
    <row r="331" spans="12:12">
      <c r="L331" s="8"/>
    </row>
    <row r="332" spans="12:12">
      <c r="L332" s="8"/>
    </row>
    <row r="333" spans="12:12">
      <c r="L333" s="8"/>
    </row>
    <row r="334" spans="12:12">
      <c r="L334" s="8"/>
    </row>
    <row r="335" spans="12:12">
      <c r="L335" s="8"/>
    </row>
    <row r="336" spans="12:12">
      <c r="L336" s="8"/>
    </row>
    <row r="337" spans="12:12">
      <c r="L337" s="8"/>
    </row>
    <row r="338" spans="12:12">
      <c r="L338" s="8"/>
    </row>
    <row r="339" spans="12:12" ht="27" customHeight="1">
      <c r="L339" s="8"/>
    </row>
    <row r="340" spans="12:12">
      <c r="L340" s="8"/>
    </row>
    <row r="341" spans="12:12" ht="40.5" customHeight="1">
      <c r="L341" s="8"/>
    </row>
    <row r="342" spans="12:12">
      <c r="L342" s="8"/>
    </row>
    <row r="343" spans="12:12">
      <c r="L343" s="8"/>
    </row>
    <row r="344" spans="12:12">
      <c r="L344" s="8"/>
    </row>
    <row r="345" spans="12:12">
      <c r="L345" s="8"/>
    </row>
    <row r="346" spans="12:12">
      <c r="L346" s="8"/>
    </row>
    <row r="347" spans="12:12">
      <c r="L347" s="8"/>
    </row>
    <row r="348" spans="12:12" ht="39.75" customHeight="1">
      <c r="L348" s="8"/>
    </row>
    <row r="349" spans="12:12">
      <c r="L349" s="8"/>
    </row>
    <row r="350" spans="12:12">
      <c r="L350" s="8"/>
    </row>
    <row r="351" spans="12:12">
      <c r="L351" s="8"/>
    </row>
    <row r="352" spans="12:12" ht="40.5" customHeight="1">
      <c r="L352" s="8"/>
    </row>
    <row r="353" spans="12:12">
      <c r="L353" s="8"/>
    </row>
    <row r="354" spans="12:12" ht="40.5" customHeight="1">
      <c r="L354" s="8"/>
    </row>
    <row r="355" spans="12:12" ht="27" customHeight="1">
      <c r="L355" s="8"/>
    </row>
    <row r="356" spans="12:12">
      <c r="L356" s="8"/>
    </row>
    <row r="357" spans="12:12">
      <c r="L357" s="8"/>
    </row>
    <row r="358" spans="12:12">
      <c r="L358" s="8"/>
    </row>
    <row r="359" spans="12:12">
      <c r="L359" s="8"/>
    </row>
    <row r="360" spans="12:12">
      <c r="L360" s="8"/>
    </row>
    <row r="361" spans="12:12" ht="41.25" customHeight="1">
      <c r="L361" s="8"/>
    </row>
    <row r="362" spans="12:12" ht="27" customHeight="1">
      <c r="L362" s="8"/>
    </row>
    <row r="363" spans="12:12" ht="40.5" customHeight="1">
      <c r="L363" s="8"/>
    </row>
    <row r="364" spans="12:12">
      <c r="L364" s="8"/>
    </row>
    <row r="365" spans="12:12">
      <c r="L365" s="8"/>
    </row>
    <row r="366" spans="12:12" ht="27" customHeight="1">
      <c r="L366" s="8"/>
    </row>
    <row r="367" spans="12:12">
      <c r="L367" s="8"/>
    </row>
    <row r="368" spans="12:12" ht="41.25" customHeight="1">
      <c r="L368" s="8"/>
    </row>
    <row r="369" spans="12:12" ht="14" customHeight="1">
      <c r="L369" s="8"/>
    </row>
    <row r="370" spans="12:12">
      <c r="L370" s="8"/>
    </row>
    <row r="371" spans="12:12">
      <c r="L371" s="8"/>
    </row>
    <row r="372" spans="12:12" ht="40.5" customHeight="1">
      <c r="L372" s="8"/>
    </row>
    <row r="373" spans="12:12">
      <c r="L373" s="8"/>
    </row>
    <row r="374" spans="12:12">
      <c r="L374" s="8"/>
    </row>
    <row r="375" spans="12:12" ht="40.5" customHeight="1">
      <c r="L375" s="8"/>
    </row>
    <row r="376" spans="12:12" ht="40.5" customHeight="1">
      <c r="L376" s="8"/>
    </row>
    <row r="377" spans="12:12" ht="40.5" customHeight="1">
      <c r="L377" s="8"/>
    </row>
    <row r="378" spans="12:12" ht="40.5" customHeight="1">
      <c r="L378" s="8"/>
    </row>
    <row r="379" spans="12:12">
      <c r="L379" s="8"/>
    </row>
    <row r="380" spans="12:12" ht="40.5" customHeight="1">
      <c r="L380" s="8"/>
    </row>
    <row r="381" spans="12:12" ht="35.25" customHeight="1">
      <c r="L381" s="8"/>
    </row>
    <row r="382" spans="12:12">
      <c r="L382" s="8"/>
    </row>
    <row r="383" spans="12:12" ht="40.5" customHeight="1">
      <c r="L383" s="8"/>
    </row>
    <row r="384" spans="12:12" ht="27" customHeight="1">
      <c r="L384" s="8"/>
    </row>
    <row r="385" spans="12:12" ht="40.5" customHeight="1">
      <c r="L385" s="8"/>
    </row>
    <row r="386" spans="12:12">
      <c r="L386" s="8"/>
    </row>
    <row r="387" spans="12:12" ht="27" customHeight="1">
      <c r="L387" s="8"/>
    </row>
    <row r="388" spans="12:12">
      <c r="L388" s="8"/>
    </row>
    <row r="389" spans="12:12">
      <c r="L389" s="8"/>
    </row>
    <row r="390" spans="12:12" ht="14" customHeight="1">
      <c r="L390" s="8"/>
    </row>
    <row r="391" spans="12:12" ht="27" customHeight="1">
      <c r="L391" s="8"/>
    </row>
    <row r="392" spans="12:12">
      <c r="L392" s="8"/>
    </row>
    <row r="393" spans="12:12">
      <c r="L393" s="8"/>
    </row>
    <row r="394" spans="12:12">
      <c r="L394" s="8"/>
    </row>
    <row r="395" spans="12:12">
      <c r="L395" s="8"/>
    </row>
    <row r="396" spans="12:12">
      <c r="L396" s="8"/>
    </row>
    <row r="397" spans="12:12">
      <c r="L397" s="8"/>
    </row>
    <row r="398" spans="12:12">
      <c r="L398" s="8"/>
    </row>
    <row r="399" spans="12:12">
      <c r="L399" s="8"/>
    </row>
    <row r="400" spans="12:12">
      <c r="L400" s="8"/>
    </row>
    <row r="401" spans="12:12">
      <c r="L401" s="8"/>
    </row>
    <row r="402" spans="12:12">
      <c r="L402" s="8"/>
    </row>
    <row r="403" spans="12:12" ht="27" customHeight="1">
      <c r="L403" s="8"/>
    </row>
    <row r="404" spans="12:12">
      <c r="L404" s="8"/>
    </row>
    <row r="405" spans="12:12">
      <c r="L405" s="8"/>
    </row>
    <row r="406" spans="12:12">
      <c r="L406" s="8"/>
    </row>
    <row r="407" spans="12:12">
      <c r="L407" s="8"/>
    </row>
    <row r="408" spans="12:12">
      <c r="L408" s="8"/>
    </row>
    <row r="409" spans="12:12">
      <c r="L409" s="8"/>
    </row>
    <row r="410" spans="12:12">
      <c r="L410" s="8"/>
    </row>
    <row r="411" spans="12:12">
      <c r="L411" s="8"/>
    </row>
    <row r="412" spans="12:12">
      <c r="L412" s="8"/>
    </row>
    <row r="413" spans="12:12">
      <c r="L413" s="8"/>
    </row>
    <row r="414" spans="12:12">
      <c r="L414" s="8"/>
    </row>
    <row r="415" spans="12:12">
      <c r="L415" s="8"/>
    </row>
    <row r="416" spans="12:12">
      <c r="L416" s="8"/>
    </row>
    <row r="417" spans="12:12">
      <c r="L417" s="8"/>
    </row>
    <row r="418" spans="12:12">
      <c r="L418" s="8"/>
    </row>
    <row r="419" spans="12:12" ht="27" customHeight="1">
      <c r="L419" s="8"/>
    </row>
    <row r="420" spans="12:12">
      <c r="L420" s="8"/>
    </row>
    <row r="421" spans="12:12">
      <c r="L421" s="8"/>
    </row>
    <row r="422" spans="12:12">
      <c r="L422" s="8"/>
    </row>
    <row r="423" spans="12:12">
      <c r="L423" s="8"/>
    </row>
    <row r="424" spans="12:12">
      <c r="L424" s="8"/>
    </row>
    <row r="425" spans="12:12">
      <c r="L425" s="8"/>
    </row>
    <row r="426" spans="12:12">
      <c r="L426" s="8"/>
    </row>
    <row r="427" spans="12:12" ht="40.5" customHeight="1">
      <c r="L427" s="8"/>
    </row>
    <row r="428" spans="12:12" ht="27" customHeight="1">
      <c r="L428" s="8"/>
    </row>
    <row r="429" spans="12:12" ht="40.5" customHeight="1">
      <c r="L429" s="8"/>
    </row>
    <row r="430" spans="12:12" ht="40.5" customHeight="1">
      <c r="L430" s="8"/>
    </row>
    <row r="431" spans="12:12">
      <c r="L431" s="8"/>
    </row>
    <row r="432" spans="12:12">
      <c r="L432" s="8"/>
    </row>
    <row r="433" spans="12:12" ht="40.5" customHeight="1">
      <c r="L433" s="8"/>
    </row>
    <row r="434" spans="12:12" ht="54" customHeight="1">
      <c r="L434" s="8"/>
    </row>
    <row r="435" spans="12:12" ht="27" customHeight="1">
      <c r="L435" s="8"/>
    </row>
    <row r="436" spans="12:12">
      <c r="L436" s="8"/>
    </row>
    <row r="437" spans="12:12" ht="14" customHeight="1">
      <c r="L437" s="8"/>
    </row>
    <row r="438" spans="12:12" ht="27" customHeight="1">
      <c r="L438" s="8"/>
    </row>
    <row r="439" spans="12:12" ht="40.5" customHeight="1">
      <c r="L439" s="8"/>
    </row>
    <row r="440" spans="12:12" ht="54" customHeight="1">
      <c r="L440" s="8"/>
    </row>
    <row r="441" spans="12:12">
      <c r="L441" s="8"/>
    </row>
    <row r="442" spans="12:12" ht="27" customHeight="1">
      <c r="L442" s="8"/>
    </row>
    <row r="443" spans="12:12">
      <c r="L443" s="8"/>
    </row>
    <row r="444" spans="12:12">
      <c r="L444" s="8"/>
    </row>
    <row r="445" spans="12:12">
      <c r="L445" s="8"/>
    </row>
    <row r="446" spans="12:12">
      <c r="L446" s="8"/>
    </row>
    <row r="447" spans="12:12">
      <c r="L447" s="8"/>
    </row>
    <row r="448" spans="12:12">
      <c r="L448" s="8"/>
    </row>
    <row r="449" spans="12:12">
      <c r="L449" s="8"/>
    </row>
    <row r="450" spans="12:12">
      <c r="L450" s="8"/>
    </row>
    <row r="451" spans="12:12" ht="40.5" customHeight="1">
      <c r="L451" s="8"/>
    </row>
    <row r="452" spans="12:12" ht="26.25" customHeight="1">
      <c r="L452" s="8"/>
    </row>
    <row r="453" spans="12:12" ht="40.5" customHeight="1">
      <c r="L453" s="8"/>
    </row>
    <row r="454" spans="12:12" ht="40.5" customHeight="1">
      <c r="L454" s="8"/>
    </row>
    <row r="455" spans="12:12" ht="40.5" customHeight="1">
      <c r="L455" s="8"/>
    </row>
    <row r="456" spans="12:12" ht="14" customHeight="1">
      <c r="L456" s="8"/>
    </row>
    <row r="457" spans="12:12" ht="40.5" customHeight="1">
      <c r="L457" s="8"/>
    </row>
    <row r="458" spans="12:12">
      <c r="L458" s="8"/>
    </row>
    <row r="459" spans="12:12">
      <c r="L459" s="8"/>
    </row>
    <row r="460" spans="12:12">
      <c r="L460" s="8"/>
    </row>
    <row r="461" spans="12:12">
      <c r="L461" s="8"/>
    </row>
    <row r="462" spans="12:12">
      <c r="L462" s="8"/>
    </row>
    <row r="463" spans="12:12">
      <c r="L463" s="8"/>
    </row>
    <row r="464" spans="12:12">
      <c r="L464" s="8"/>
    </row>
    <row r="465" spans="12:12">
      <c r="L465" s="8"/>
    </row>
    <row r="466" spans="12:12">
      <c r="L466" s="8"/>
    </row>
    <row r="467" spans="12:12">
      <c r="L467" s="8"/>
    </row>
    <row r="468" spans="12:12">
      <c r="L468" s="8"/>
    </row>
    <row r="469" spans="12:12" ht="41.25" customHeight="1">
      <c r="L469" s="8"/>
    </row>
    <row r="470" spans="12:12">
      <c r="L470" s="8"/>
    </row>
    <row r="471" spans="12:12">
      <c r="L471" s="8"/>
    </row>
    <row r="472" spans="12:12" ht="14" customHeight="1">
      <c r="L472" s="8"/>
    </row>
    <row r="473" spans="12:12">
      <c r="L473" s="8"/>
    </row>
    <row r="474" spans="12:12">
      <c r="L474" s="8"/>
    </row>
    <row r="475" spans="12:12">
      <c r="L475" s="8"/>
    </row>
    <row r="476" spans="12:12">
      <c r="L476" s="8"/>
    </row>
    <row r="477" spans="12:12" ht="14" customHeight="1">
      <c r="L477" s="8"/>
    </row>
    <row r="478" spans="12:12">
      <c r="L478" s="8"/>
    </row>
    <row r="479" spans="12:12">
      <c r="L479" s="8"/>
    </row>
    <row r="480" spans="12:12" ht="14" customHeight="1">
      <c r="L480" s="8"/>
    </row>
    <row r="481" spans="12:12" ht="27" customHeight="1">
      <c r="L481" s="8"/>
    </row>
    <row r="482" spans="12:12" ht="40.5" customHeight="1">
      <c r="L482" s="8"/>
    </row>
    <row r="483" spans="12:12">
      <c r="L483" s="8"/>
    </row>
    <row r="484" spans="12:12" ht="40.5" customHeight="1">
      <c r="L484" s="8"/>
    </row>
    <row r="485" spans="12:12" ht="27" customHeight="1">
      <c r="L485" s="8"/>
    </row>
    <row r="486" spans="12:12">
      <c r="L486" s="8"/>
    </row>
    <row r="487" spans="12:12">
      <c r="L487" s="8"/>
    </row>
    <row r="488" spans="12:12">
      <c r="L488" s="8"/>
    </row>
    <row r="489" spans="12:12" ht="27" customHeight="1">
      <c r="L489" s="8"/>
    </row>
    <row r="490" spans="12:12" ht="40.5" customHeight="1">
      <c r="L490" s="8"/>
    </row>
    <row r="491" spans="12:12" ht="27" customHeight="1">
      <c r="L491" s="8"/>
    </row>
    <row r="492" spans="12:12" ht="40.5" customHeight="1">
      <c r="L492" s="8"/>
    </row>
    <row r="493" spans="12:12" ht="40.5" customHeight="1">
      <c r="L493" s="8"/>
    </row>
    <row r="494" spans="12:12" ht="14" customHeight="1">
      <c r="L494" s="8"/>
    </row>
    <row r="495" spans="12:12">
      <c r="L495" s="8"/>
    </row>
    <row r="496" spans="12:12" ht="14" customHeight="1">
      <c r="L496" s="8"/>
    </row>
    <row r="497" spans="12:12" ht="14" customHeight="1">
      <c r="L497" s="8"/>
    </row>
    <row r="498" spans="12:12">
      <c r="L498" s="8"/>
    </row>
    <row r="499" spans="12:12">
      <c r="L499" s="8"/>
    </row>
    <row r="500" spans="12:12">
      <c r="L500" s="8"/>
    </row>
    <row r="501" spans="12:12">
      <c r="L501" s="8"/>
    </row>
    <row r="502" spans="12:12" ht="14" customHeight="1">
      <c r="L502" s="8"/>
    </row>
    <row r="503" spans="12:12">
      <c r="L503" s="8"/>
    </row>
    <row r="504" spans="12:12">
      <c r="L504" s="8"/>
    </row>
    <row r="505" spans="12:12">
      <c r="L505" s="8"/>
    </row>
    <row r="506" spans="12:12">
      <c r="L506" s="8"/>
    </row>
    <row r="507" spans="12:12">
      <c r="L507" s="8"/>
    </row>
    <row r="508" spans="12:12" ht="14" customHeight="1">
      <c r="L508" s="8"/>
    </row>
    <row r="509" spans="12:12">
      <c r="L509" s="8"/>
    </row>
    <row r="510" spans="12:12">
      <c r="L510" s="8"/>
    </row>
    <row r="511" spans="12:12" ht="14" customHeight="1">
      <c r="L511" s="8"/>
    </row>
    <row r="512" spans="12:12">
      <c r="L512" s="8"/>
    </row>
    <row r="513" spans="12:12" ht="14" customHeight="1">
      <c r="L513" s="8"/>
    </row>
    <row r="514" spans="12:12">
      <c r="L514" s="8"/>
    </row>
    <row r="515" spans="12:12" ht="14" customHeight="1">
      <c r="L515" s="8"/>
    </row>
    <row r="516" spans="12:12">
      <c r="L516" s="8"/>
    </row>
    <row r="517" spans="12:12">
      <c r="L517" s="8"/>
    </row>
    <row r="518" spans="12:12">
      <c r="L518" s="8"/>
    </row>
    <row r="519" spans="12:12" ht="14" customHeight="1">
      <c r="L519" s="8"/>
    </row>
    <row r="520" spans="12:12" ht="14" customHeight="1">
      <c r="L520" s="8"/>
    </row>
    <row r="521" spans="12:12">
      <c r="L521" s="8"/>
    </row>
    <row r="522" spans="12:12">
      <c r="L522" s="8"/>
    </row>
    <row r="523" spans="12:12">
      <c r="L523" s="8"/>
    </row>
    <row r="524" spans="12:12">
      <c r="L524" s="8"/>
    </row>
    <row r="525" spans="12:12" ht="14" customHeight="1">
      <c r="L525" s="8"/>
    </row>
    <row r="526" spans="12:12">
      <c r="L526" s="8"/>
    </row>
    <row r="527" spans="12:12">
      <c r="L527" s="8"/>
    </row>
    <row r="528" spans="12:12" ht="14" customHeight="1">
      <c r="L528" s="8"/>
    </row>
    <row r="529" spans="12:12" ht="40.5" customHeight="1">
      <c r="L529" s="8"/>
    </row>
    <row r="530" spans="12:12">
      <c r="L530" s="8"/>
    </row>
    <row r="531" spans="12:12">
      <c r="L531" s="8"/>
    </row>
    <row r="532" spans="12:12">
      <c r="L532" s="8"/>
    </row>
    <row r="533" spans="12:12">
      <c r="L533" s="8"/>
    </row>
    <row r="534" spans="12:12" ht="27" customHeight="1">
      <c r="L534" s="8"/>
    </row>
    <row r="535" spans="12:12" ht="40.5" customHeight="1">
      <c r="L535" s="8"/>
    </row>
    <row r="536" spans="12:12" ht="40.5" customHeight="1">
      <c r="L536" s="8"/>
    </row>
    <row r="537" spans="12:12" ht="40.5" customHeight="1">
      <c r="L537" s="8"/>
    </row>
    <row r="538" spans="12:12" ht="40.5" customHeight="1">
      <c r="L538" s="8"/>
    </row>
    <row r="539" spans="12:12" ht="40.5" customHeight="1">
      <c r="L539" s="8"/>
    </row>
    <row r="540" spans="12:12" ht="40.5" customHeight="1">
      <c r="L540" s="8"/>
    </row>
    <row r="541" spans="12:12" ht="40.5" customHeight="1">
      <c r="L541" s="8"/>
    </row>
    <row r="542" spans="12:12">
      <c r="L542" s="8"/>
    </row>
    <row r="543" spans="12:12">
      <c r="L543" s="8"/>
    </row>
    <row r="544" spans="12:12">
      <c r="L544" s="8"/>
    </row>
    <row r="545" spans="12:12" ht="40.5" customHeight="1">
      <c r="L545" s="8"/>
    </row>
    <row r="546" spans="12:12" ht="27" customHeight="1">
      <c r="L546" s="8"/>
    </row>
    <row r="547" spans="12:12">
      <c r="L547" s="8"/>
    </row>
    <row r="548" spans="12:12" ht="40.5" customHeight="1">
      <c r="L548" s="8"/>
    </row>
    <row r="549" spans="12:12">
      <c r="L549" s="8"/>
    </row>
    <row r="550" spans="12:12">
      <c r="L550" s="8"/>
    </row>
    <row r="551" spans="12:12">
      <c r="L551" s="8"/>
    </row>
    <row r="552" spans="12:12" ht="14.5" customHeight="1">
      <c r="L552" s="8"/>
    </row>
    <row r="553" spans="12:12" ht="27" customHeight="1">
      <c r="L553" s="8"/>
    </row>
    <row r="554" spans="12:12" ht="40.5" customHeight="1">
      <c r="L554" s="8"/>
    </row>
    <row r="555" spans="12:12" ht="40.5" customHeight="1">
      <c r="L555" s="8"/>
    </row>
    <row r="556" spans="12:12">
      <c r="L556" s="8"/>
    </row>
    <row r="557" spans="12:12">
      <c r="L557" s="8"/>
    </row>
    <row r="558" spans="12:12">
      <c r="L558" s="8"/>
    </row>
    <row r="559" spans="12:12">
      <c r="L559" s="8"/>
    </row>
    <row r="560" spans="12:12">
      <c r="L560" s="8"/>
    </row>
    <row r="561" spans="12:12">
      <c r="L561" s="8"/>
    </row>
    <row r="562" spans="12:12" ht="39.75" customHeight="1">
      <c r="L562" s="8"/>
    </row>
    <row r="563" spans="12:12" ht="39.75" customHeight="1">
      <c r="L563" s="8"/>
    </row>
    <row r="564" spans="12:12">
      <c r="L564" s="8"/>
    </row>
    <row r="565" spans="12:12" ht="39.75" customHeight="1">
      <c r="L565" s="8"/>
    </row>
    <row r="566" spans="12:12" ht="39.75" customHeight="1">
      <c r="L566" s="8"/>
    </row>
    <row r="567" spans="12:12">
      <c r="L567" s="8"/>
    </row>
    <row r="568" spans="12:12">
      <c r="L568" s="8"/>
    </row>
    <row r="569" spans="12:12">
      <c r="L569" s="8"/>
    </row>
    <row r="570" spans="12:12">
      <c r="L570" s="8"/>
    </row>
    <row r="571" spans="12:12">
      <c r="L571" s="8"/>
    </row>
    <row r="572" spans="12:12">
      <c r="L572" s="8"/>
    </row>
    <row r="573" spans="12:12" ht="14" customHeight="1">
      <c r="L573" s="8"/>
    </row>
    <row r="574" spans="12:12">
      <c r="L574" s="8"/>
    </row>
    <row r="575" spans="12:12">
      <c r="L575" s="8"/>
    </row>
    <row r="576" spans="12:12">
      <c r="L576" s="8"/>
    </row>
    <row r="577" spans="12:12">
      <c r="L577" s="8"/>
    </row>
    <row r="578" spans="12:12">
      <c r="L578" s="8"/>
    </row>
    <row r="579" spans="12:12">
      <c r="L579" s="8"/>
    </row>
    <row r="580" spans="12:12">
      <c r="L580" s="8"/>
    </row>
    <row r="581" spans="12:12">
      <c r="L581" s="8"/>
    </row>
    <row r="582" spans="12:12">
      <c r="L582" s="8"/>
    </row>
    <row r="583" spans="12:12">
      <c r="L583" s="8"/>
    </row>
    <row r="584" spans="12:12" ht="14" customHeight="1">
      <c r="L584" s="8"/>
    </row>
    <row r="585" spans="12:12">
      <c r="L585" s="8"/>
    </row>
    <row r="586" spans="12:12" ht="27" customHeight="1">
      <c r="L586" s="8"/>
    </row>
    <row r="587" spans="12:12">
      <c r="L587" s="8"/>
    </row>
    <row r="588" spans="12:12">
      <c r="L588" s="8"/>
    </row>
    <row r="589" spans="12:12">
      <c r="L589" s="8"/>
    </row>
    <row r="590" spans="12:12" ht="40.5" customHeight="1">
      <c r="L590" s="8"/>
    </row>
    <row r="591" spans="12:12" ht="40.5" customHeight="1">
      <c r="L591" s="8"/>
    </row>
    <row r="592" spans="12:12" ht="27" customHeight="1">
      <c r="L592" s="8"/>
    </row>
    <row r="593" spans="12:12" ht="40.5" customHeight="1">
      <c r="L593" s="8"/>
    </row>
    <row r="594" spans="12:12" ht="40.5" customHeight="1">
      <c r="L594" s="8"/>
    </row>
    <row r="595" spans="12:12" ht="40.5" customHeight="1">
      <c r="L595" s="8"/>
    </row>
    <row r="596" spans="12:12" ht="40.5" customHeight="1">
      <c r="L596" s="8"/>
    </row>
    <row r="597" spans="12:12" ht="27" customHeight="1">
      <c r="L597" s="8"/>
    </row>
    <row r="598" spans="12:12" ht="40.5" customHeight="1">
      <c r="L598" s="8"/>
    </row>
    <row r="599" spans="12:12" ht="40.5" customHeight="1">
      <c r="L599" s="8"/>
    </row>
    <row r="600" spans="12:12" ht="14" customHeight="1">
      <c r="L600" s="8"/>
    </row>
    <row r="601" spans="12:12" ht="27" customHeight="1">
      <c r="L601" s="8"/>
    </row>
    <row r="602" spans="12:12" ht="40.5" customHeight="1">
      <c r="L602" s="8"/>
    </row>
    <row r="603" spans="12:12" ht="40.5" customHeight="1">
      <c r="L603" s="8"/>
    </row>
    <row r="604" spans="12:12">
      <c r="L604" s="8"/>
    </row>
    <row r="605" spans="12:12" ht="14" customHeight="1">
      <c r="L605" s="8"/>
    </row>
    <row r="606" spans="12:12" ht="40.5" customHeight="1">
      <c r="L606" s="8"/>
    </row>
    <row r="607" spans="12:12" ht="27" customHeight="1">
      <c r="L607" s="8"/>
    </row>
    <row r="608" spans="12:12" ht="40.5" customHeight="1">
      <c r="L608" s="8"/>
    </row>
    <row r="609" spans="12:12" ht="40.5" customHeight="1">
      <c r="L609" s="8"/>
    </row>
    <row r="610" spans="12:12">
      <c r="L610" s="8"/>
    </row>
    <row r="611" spans="12:12" ht="27" customHeight="1">
      <c r="L611" s="8"/>
    </row>
    <row r="612" spans="12:12">
      <c r="L612" s="8"/>
    </row>
    <row r="613" spans="12:12">
      <c r="L613" s="8"/>
    </row>
    <row r="614" spans="12:12" ht="14" customHeight="1">
      <c r="L614" s="8"/>
    </row>
    <row r="615" spans="12:12" ht="40.5" customHeight="1">
      <c r="L615" s="8"/>
    </row>
    <row r="616" spans="12:12" ht="14" customHeight="1">
      <c r="L616" s="8"/>
    </row>
    <row r="617" spans="12:12" ht="40.5" customHeight="1">
      <c r="L617" s="8"/>
    </row>
    <row r="618" spans="12:12">
      <c r="L618" s="8"/>
    </row>
    <row r="619" spans="12:12" ht="14" customHeight="1">
      <c r="L619" s="8"/>
    </row>
    <row r="620" spans="12:12">
      <c r="L620" s="8"/>
    </row>
    <row r="621" spans="12:12">
      <c r="L621" s="8"/>
    </row>
    <row r="622" spans="12:12">
      <c r="L622" s="8"/>
    </row>
    <row r="623" spans="12:12">
      <c r="L623" s="8"/>
    </row>
    <row r="624" spans="12:12" ht="14" customHeight="1">
      <c r="L624" s="8"/>
    </row>
    <row r="625" spans="12:12" ht="14" customHeight="1">
      <c r="L625" s="8"/>
    </row>
    <row r="626" spans="12:12">
      <c r="L626" s="8"/>
    </row>
    <row r="627" spans="12:12">
      <c r="L627" s="8"/>
    </row>
    <row r="628" spans="12:12" ht="14" customHeight="1">
      <c r="L628" s="8"/>
    </row>
    <row r="629" spans="12:12">
      <c r="L629" s="8"/>
    </row>
    <row r="630" spans="12:12" ht="14" customHeight="1">
      <c r="L630" s="8"/>
    </row>
    <row r="631" spans="12:12">
      <c r="L631" s="8"/>
    </row>
    <row r="632" spans="12:12">
      <c r="L632" s="8"/>
    </row>
    <row r="633" spans="12:12">
      <c r="L633" s="8"/>
    </row>
    <row r="634" spans="12:12">
      <c r="L634" s="8"/>
    </row>
    <row r="635" spans="12:12" ht="14" customHeight="1">
      <c r="L635" s="8"/>
    </row>
    <row r="636" spans="12:12">
      <c r="L636" s="8"/>
    </row>
    <row r="637" spans="12:12" ht="14" customHeight="1">
      <c r="L637" s="8"/>
    </row>
    <row r="638" spans="12:12">
      <c r="L638" s="8"/>
    </row>
    <row r="639" spans="12:12" ht="14" customHeight="1">
      <c r="L639" s="8"/>
    </row>
    <row r="640" spans="12:12">
      <c r="L640" s="8"/>
    </row>
    <row r="641" spans="12:12" ht="14" customHeight="1">
      <c r="L641" s="8"/>
    </row>
    <row r="642" spans="12:12" ht="14" customHeight="1">
      <c r="L642" s="8"/>
    </row>
    <row r="643" spans="12:12">
      <c r="L643" s="8"/>
    </row>
    <row r="644" spans="12:12">
      <c r="L644" s="8"/>
    </row>
    <row r="645" spans="12:12">
      <c r="L645" s="8"/>
    </row>
    <row r="646" spans="12:12">
      <c r="L646" s="8"/>
    </row>
    <row r="647" spans="12:12" ht="27" customHeight="1">
      <c r="L647" s="8"/>
    </row>
    <row r="648" spans="12:12" ht="27" customHeight="1">
      <c r="L648" s="8"/>
    </row>
    <row r="649" spans="12:12" ht="14" customHeight="1">
      <c r="L649" s="8"/>
    </row>
    <row r="650" spans="12:12">
      <c r="L650" s="8"/>
    </row>
    <row r="651" spans="12:12" ht="14" customHeight="1">
      <c r="L651" s="8"/>
    </row>
    <row r="652" spans="12:12">
      <c r="L652" s="8"/>
    </row>
    <row r="653" spans="12:12" ht="14" customHeight="1">
      <c r="L653" s="8"/>
    </row>
    <row r="654" spans="12:12" ht="40.5" customHeight="1">
      <c r="L654" s="8"/>
    </row>
    <row r="655" spans="12:12" ht="14" customHeight="1">
      <c r="L655" s="8"/>
    </row>
    <row r="656" spans="12:12">
      <c r="L656" s="8"/>
    </row>
    <row r="657" spans="12:12" ht="14" customHeight="1">
      <c r="L657" s="8"/>
    </row>
    <row r="658" spans="12:12">
      <c r="L658" s="8"/>
    </row>
    <row r="659" spans="12:12">
      <c r="L659" s="8"/>
    </row>
    <row r="660" spans="12:12" ht="14" customHeight="1">
      <c r="L660" s="8"/>
    </row>
    <row r="661" spans="12:12">
      <c r="L661" s="8"/>
    </row>
    <row r="662" spans="12:12">
      <c r="L662" s="8"/>
    </row>
    <row r="663" spans="12:12">
      <c r="L663" s="8"/>
    </row>
    <row r="664" spans="12:12">
      <c r="L664" s="8"/>
    </row>
    <row r="665" spans="12:12">
      <c r="L665" s="8"/>
    </row>
    <row r="666" spans="12:12" ht="14" customHeight="1">
      <c r="L666" s="8"/>
    </row>
    <row r="667" spans="12:12">
      <c r="L667" s="8"/>
    </row>
    <row r="668" spans="12:12" ht="14" customHeight="1">
      <c r="L668" s="8"/>
    </row>
    <row r="669" spans="12:12">
      <c r="L669" s="8"/>
    </row>
    <row r="670" spans="12:12" ht="14" customHeight="1">
      <c r="L670" s="8"/>
    </row>
    <row r="671" spans="12:12" ht="14" customHeight="1">
      <c r="L671" s="8"/>
    </row>
    <row r="672" spans="12:12" ht="14" customHeight="1">
      <c r="L672" s="8"/>
    </row>
    <row r="673" spans="12:12">
      <c r="L673" s="8"/>
    </row>
    <row r="674" spans="12:12">
      <c r="L674" s="8"/>
    </row>
    <row r="675" spans="12:12">
      <c r="L675" s="8"/>
    </row>
    <row r="676" spans="12:12">
      <c r="L676" s="8"/>
    </row>
    <row r="677" spans="12:12">
      <c r="L677" s="8"/>
    </row>
    <row r="678" spans="12:12">
      <c r="L678" s="8"/>
    </row>
    <row r="679" spans="12:12">
      <c r="L679" s="8"/>
    </row>
    <row r="680" spans="12:12">
      <c r="L680" s="8"/>
    </row>
    <row r="681" spans="12:12">
      <c r="L681" s="8"/>
    </row>
    <row r="682" spans="12:12">
      <c r="L682" s="8"/>
    </row>
    <row r="683" spans="12:12">
      <c r="L683" s="8"/>
    </row>
    <row r="684" spans="12:12">
      <c r="L684" s="8"/>
    </row>
    <row r="685" spans="12:12">
      <c r="L685" s="8"/>
    </row>
    <row r="686" spans="12:12">
      <c r="L686" s="8"/>
    </row>
    <row r="687" spans="12:12">
      <c r="L687" s="8"/>
    </row>
    <row r="688" spans="12:12">
      <c r="L688" s="8"/>
    </row>
    <row r="689" spans="12:12">
      <c r="L689" s="8"/>
    </row>
    <row r="690" spans="12:12">
      <c r="L690" s="8"/>
    </row>
    <row r="691" spans="12:12">
      <c r="L691" s="8"/>
    </row>
    <row r="692" spans="12:12">
      <c r="L692" s="8"/>
    </row>
    <row r="693" spans="12:12">
      <c r="L693" s="8"/>
    </row>
    <row r="694" spans="12:12">
      <c r="L694" s="8"/>
    </row>
    <row r="695" spans="12:12">
      <c r="L695" s="8"/>
    </row>
    <row r="696" spans="12:12">
      <c r="L696" s="8"/>
    </row>
    <row r="697" spans="12:12">
      <c r="L697" s="8"/>
    </row>
    <row r="698" spans="12:12">
      <c r="L698" s="8"/>
    </row>
    <row r="699" spans="12:12">
      <c r="L699" s="8"/>
    </row>
    <row r="700" spans="12:12">
      <c r="L700" s="8"/>
    </row>
    <row r="701" spans="12:12">
      <c r="L701" s="8"/>
    </row>
    <row r="702" spans="12:12">
      <c r="L702" s="8"/>
    </row>
    <row r="703" spans="12:12">
      <c r="L703" s="8"/>
    </row>
    <row r="704" spans="12:12">
      <c r="L704" s="8"/>
    </row>
    <row r="705" spans="12:12">
      <c r="L705" s="8"/>
    </row>
    <row r="706" spans="12:12">
      <c r="L706" s="8"/>
    </row>
    <row r="707" spans="12:12" ht="14" customHeight="1">
      <c r="L707" s="8"/>
    </row>
    <row r="708" spans="12:12" ht="14" customHeight="1">
      <c r="L708" s="8"/>
    </row>
    <row r="709" spans="12:12">
      <c r="L709" s="8"/>
    </row>
    <row r="710" spans="12:12">
      <c r="L710" s="8"/>
    </row>
    <row r="711" spans="12:12">
      <c r="L711" s="8"/>
    </row>
    <row r="712" spans="12:12">
      <c r="L712" s="8"/>
    </row>
    <row r="713" spans="12:12">
      <c r="L713" s="8"/>
    </row>
    <row r="714" spans="12:12">
      <c r="L714" s="8"/>
    </row>
    <row r="715" spans="12:12">
      <c r="L715" s="8"/>
    </row>
    <row r="716" spans="12:12">
      <c r="L716" s="8"/>
    </row>
    <row r="717" spans="12:12">
      <c r="L717" s="8"/>
    </row>
    <row r="718" spans="12:12">
      <c r="L718" s="8"/>
    </row>
    <row r="719" spans="12:12">
      <c r="L719" s="8"/>
    </row>
    <row r="720" spans="12:12">
      <c r="L720" s="8"/>
    </row>
    <row r="721" spans="12:12">
      <c r="L721" s="8"/>
    </row>
    <row r="722" spans="12:12">
      <c r="L722" s="8"/>
    </row>
    <row r="723" spans="12:12">
      <c r="L723" s="8"/>
    </row>
    <row r="724" spans="12:12">
      <c r="L724" s="8"/>
    </row>
    <row r="725" spans="12:12" ht="14" customHeight="1">
      <c r="L725" s="8"/>
    </row>
    <row r="726" spans="12:12">
      <c r="L726" s="8"/>
    </row>
    <row r="727" spans="12:12" ht="14" customHeight="1">
      <c r="L727" s="8"/>
    </row>
    <row r="728" spans="12:12" ht="14" customHeight="1">
      <c r="L728" s="8"/>
    </row>
    <row r="729" spans="12:12" ht="14" customHeight="1">
      <c r="L729" s="8"/>
    </row>
    <row r="730" spans="12:12">
      <c r="L730" s="8"/>
    </row>
    <row r="731" spans="12:12">
      <c r="L731" s="8"/>
    </row>
    <row r="732" spans="12:12">
      <c r="L732" s="8"/>
    </row>
    <row r="733" spans="12:12">
      <c r="L733" s="8"/>
    </row>
    <row r="734" spans="12:12">
      <c r="L734" s="8"/>
    </row>
    <row r="735" spans="12:12">
      <c r="L735" s="8"/>
    </row>
    <row r="736" spans="12:12">
      <c r="L736" s="8"/>
    </row>
    <row r="737" spans="12:12">
      <c r="L737" s="8"/>
    </row>
    <row r="738" spans="12:12" ht="14" customHeight="1">
      <c r="L738" s="8"/>
    </row>
    <row r="739" spans="12:12">
      <c r="L739" s="8"/>
    </row>
    <row r="740" spans="12:12" ht="14" customHeight="1">
      <c r="L740" s="8"/>
    </row>
    <row r="741" spans="12:12" ht="14" customHeight="1">
      <c r="L741" s="8"/>
    </row>
    <row r="742" spans="12:12">
      <c r="L742" s="8"/>
    </row>
    <row r="743" spans="12:12">
      <c r="L743" s="8"/>
    </row>
    <row r="744" spans="12:12">
      <c r="L744" s="8"/>
    </row>
    <row r="745" spans="12:12">
      <c r="L745" s="8"/>
    </row>
    <row r="746" spans="12:12">
      <c r="L746" s="8"/>
    </row>
    <row r="747" spans="12:12">
      <c r="L747" s="8"/>
    </row>
    <row r="748" spans="12:12">
      <c r="L748" s="8"/>
    </row>
    <row r="749" spans="12:12">
      <c r="L749" s="8"/>
    </row>
    <row r="750" spans="12:12">
      <c r="L750" s="8"/>
    </row>
    <row r="751" spans="12:12" ht="14" customHeight="1">
      <c r="L751" s="8"/>
    </row>
    <row r="752" spans="12:12" ht="14.5" customHeight="1">
      <c r="L752" s="8"/>
    </row>
    <row r="753" spans="12:12" ht="14" customHeight="1">
      <c r="L753" s="8"/>
    </row>
    <row r="754" spans="12:12" ht="40.5" customHeight="1">
      <c r="L754" s="8"/>
    </row>
    <row r="755" spans="12:12" ht="14" customHeight="1">
      <c r="L755" s="8"/>
    </row>
    <row r="756" spans="12:12">
      <c r="L756" s="8"/>
    </row>
    <row r="757" spans="12:12" ht="14" customHeight="1">
      <c r="L757" s="8"/>
    </row>
    <row r="758" spans="12:12">
      <c r="L758" s="8"/>
    </row>
    <row r="759" spans="12:12" ht="14" customHeight="1">
      <c r="L759" s="8"/>
    </row>
    <row r="760" spans="12:12">
      <c r="L760" s="8"/>
    </row>
    <row r="761" spans="12:12" ht="14" customHeight="1">
      <c r="L761" s="8"/>
    </row>
    <row r="762" spans="12:12">
      <c r="L762" s="8"/>
    </row>
    <row r="763" spans="12:12" ht="14" customHeight="1">
      <c r="L763" s="8"/>
    </row>
    <row r="764" spans="12:12">
      <c r="L764" s="8"/>
    </row>
    <row r="765" spans="12:12" ht="14" customHeight="1">
      <c r="L765" s="8"/>
    </row>
    <row r="766" spans="12:12">
      <c r="L766" s="8"/>
    </row>
    <row r="767" spans="12:12" ht="14" customHeight="1">
      <c r="L767" s="8"/>
    </row>
    <row r="768" spans="12:12">
      <c r="L768" s="8"/>
    </row>
    <row r="769" spans="12:12" ht="14" customHeight="1">
      <c r="L769" s="8"/>
    </row>
    <row r="770" spans="12:12">
      <c r="L770" s="8"/>
    </row>
    <row r="771" spans="12:12" ht="14" customHeight="1">
      <c r="L771" s="8"/>
    </row>
    <row r="772" spans="12:12">
      <c r="L772" s="8"/>
    </row>
    <row r="773" spans="12:12">
      <c r="L773" s="8"/>
    </row>
    <row r="774" spans="12:12">
      <c r="L774" s="8"/>
    </row>
    <row r="775" spans="12:12" ht="14" customHeight="1">
      <c r="L775" s="8"/>
    </row>
    <row r="776" spans="12:12">
      <c r="L776" s="8"/>
    </row>
    <row r="777" spans="12:12" ht="14" customHeight="1">
      <c r="L777" s="8"/>
    </row>
    <row r="778" spans="12:12">
      <c r="L778" s="8"/>
    </row>
    <row r="779" spans="12:12" ht="14" customHeight="1">
      <c r="L779" s="8"/>
    </row>
    <row r="780" spans="12:12">
      <c r="L780" s="8"/>
    </row>
    <row r="781" spans="12:12" ht="14" customHeight="1">
      <c r="L781" s="8"/>
    </row>
    <row r="782" spans="12:12">
      <c r="L782" s="8"/>
    </row>
    <row r="783" spans="12:12">
      <c r="L783" s="8"/>
    </row>
    <row r="784" spans="12:12">
      <c r="L784" s="8"/>
    </row>
    <row r="785" spans="12:12" ht="14" customHeight="1">
      <c r="L785" s="8"/>
    </row>
    <row r="786" spans="12:12" ht="14" customHeight="1">
      <c r="L786" s="8"/>
    </row>
    <row r="787" spans="12:12" ht="14.5" customHeight="1">
      <c r="L787" s="8"/>
    </row>
    <row r="788" spans="12:12">
      <c r="L788" s="8"/>
    </row>
    <row r="789" spans="12:12" ht="14" customHeight="1">
      <c r="L789" s="8"/>
    </row>
    <row r="790" spans="12:12">
      <c r="L790" s="8"/>
    </row>
    <row r="791" spans="12:12" ht="14" customHeight="1">
      <c r="L791" s="8"/>
    </row>
    <row r="792" spans="12:12">
      <c r="L792" s="8"/>
    </row>
    <row r="793" spans="12:12" ht="40.5" customHeight="1">
      <c r="L793" s="8"/>
    </row>
    <row r="794" spans="12:12">
      <c r="L794" s="8"/>
    </row>
    <row r="795" spans="12:12" ht="14" customHeight="1">
      <c r="L795" s="8"/>
    </row>
    <row r="796" spans="12:12">
      <c r="L796" s="8"/>
    </row>
    <row r="797" spans="12:12" ht="14" customHeight="1">
      <c r="L797" s="8"/>
    </row>
    <row r="798" spans="12:12">
      <c r="L798" s="8"/>
    </row>
    <row r="799" spans="12:12" ht="14" customHeight="1">
      <c r="L799" s="8"/>
    </row>
    <row r="800" spans="12:12" ht="14" customHeight="1">
      <c r="L800" s="8"/>
    </row>
    <row r="801" spans="12:12">
      <c r="L801" s="8"/>
    </row>
    <row r="802" spans="12:12" ht="14" customHeight="1">
      <c r="L802" s="8"/>
    </row>
    <row r="803" spans="12:12">
      <c r="L803" s="8"/>
    </row>
    <row r="804" spans="12:12" ht="14" customHeight="1">
      <c r="L804" s="8"/>
    </row>
    <row r="805" spans="12:12">
      <c r="L805" s="8"/>
    </row>
    <row r="806" spans="12:12" ht="14" customHeight="1">
      <c r="L806" s="8"/>
    </row>
    <row r="807" spans="12:12">
      <c r="L807" s="8"/>
    </row>
    <row r="808" spans="12:12" ht="14" customHeight="1">
      <c r="L808" s="8"/>
    </row>
    <row r="809" spans="12:12" ht="14" customHeight="1">
      <c r="L809" s="8"/>
    </row>
    <row r="810" spans="12:12">
      <c r="L810" s="8"/>
    </row>
    <row r="811" spans="12:12">
      <c r="L811" s="8"/>
    </row>
    <row r="812" spans="12:12">
      <c r="L812" s="8"/>
    </row>
    <row r="813" spans="12:12" ht="40.5" customHeight="1">
      <c r="L813" s="8"/>
    </row>
    <row r="814" spans="12:12">
      <c r="L814" s="8"/>
    </row>
    <row r="815" spans="12:12">
      <c r="L815" s="8"/>
    </row>
    <row r="816" spans="12:12">
      <c r="L816" s="8"/>
    </row>
    <row r="817" spans="12:12">
      <c r="L817" s="8"/>
    </row>
    <row r="818" spans="12:12" ht="14" customHeight="1">
      <c r="L818" s="8"/>
    </row>
    <row r="819" spans="12:12">
      <c r="L819" s="8"/>
    </row>
    <row r="820" spans="12:12" ht="14" customHeight="1">
      <c r="L820" s="8"/>
    </row>
    <row r="821" spans="12:12">
      <c r="L821" s="8"/>
    </row>
    <row r="822" spans="12:12" ht="14" customHeight="1">
      <c r="L822" s="8"/>
    </row>
    <row r="823" spans="12:12">
      <c r="L823" s="8"/>
    </row>
    <row r="824" spans="12:12">
      <c r="L824" s="8"/>
    </row>
    <row r="825" spans="12:12">
      <c r="L825" s="8"/>
    </row>
    <row r="826" spans="12:12">
      <c r="L826" s="8"/>
    </row>
    <row r="827" spans="12:12">
      <c r="L827" s="8"/>
    </row>
    <row r="828" spans="12:12">
      <c r="L828" s="8"/>
    </row>
    <row r="829" spans="12:12">
      <c r="L829" s="8"/>
    </row>
    <row r="830" spans="12:12">
      <c r="L830" s="8"/>
    </row>
    <row r="831" spans="12:12">
      <c r="L831" s="8"/>
    </row>
    <row r="832" spans="12:12">
      <c r="L832" s="8"/>
    </row>
    <row r="833" spans="12:12">
      <c r="L833" s="8"/>
    </row>
    <row r="834" spans="12:12">
      <c r="L834" s="8"/>
    </row>
    <row r="835" spans="12:12">
      <c r="L835" s="8"/>
    </row>
    <row r="836" spans="12:12">
      <c r="L836" s="8"/>
    </row>
    <row r="837" spans="12:12">
      <c r="L837" s="8"/>
    </row>
    <row r="838" spans="12:12">
      <c r="L838" s="8"/>
    </row>
    <row r="839" spans="12:12">
      <c r="L839" s="8"/>
    </row>
    <row r="840" spans="12:12">
      <c r="L840" s="8"/>
    </row>
    <row r="841" spans="12:12">
      <c r="L841" s="8"/>
    </row>
    <row r="842" spans="12:12">
      <c r="L842" s="8"/>
    </row>
    <row r="843" spans="12:12" ht="14" customHeight="1">
      <c r="L843" s="8"/>
    </row>
    <row r="844" spans="12:12">
      <c r="L844" s="8"/>
    </row>
    <row r="845" spans="12:12" ht="14" customHeight="1">
      <c r="L845" s="8"/>
    </row>
    <row r="846" spans="12:12">
      <c r="L846" s="8"/>
    </row>
    <row r="847" spans="12:12" ht="14" customHeight="1">
      <c r="L847" s="8"/>
    </row>
    <row r="848" spans="12:12">
      <c r="L848" s="8"/>
    </row>
    <row r="849" spans="12:12" ht="14" customHeight="1">
      <c r="L849" s="8"/>
    </row>
    <row r="850" spans="12:12">
      <c r="L850" s="8"/>
    </row>
    <row r="851" spans="12:12" ht="14" customHeight="1">
      <c r="L851" s="8"/>
    </row>
    <row r="852" spans="12:12">
      <c r="L852" s="8"/>
    </row>
    <row r="853" spans="12:12" ht="14" customHeight="1">
      <c r="L853" s="8"/>
    </row>
    <row r="854" spans="12:12">
      <c r="L854" s="8"/>
    </row>
    <row r="855" spans="12:12" ht="14" customHeight="1">
      <c r="L855" s="8"/>
    </row>
    <row r="856" spans="12:12">
      <c r="L856" s="8"/>
    </row>
    <row r="857" spans="12:12" ht="27" customHeight="1">
      <c r="L857" s="8"/>
    </row>
    <row r="858" spans="12:12">
      <c r="L858" s="8"/>
    </row>
    <row r="859" spans="12:12" ht="27" customHeight="1">
      <c r="L859" s="8"/>
    </row>
    <row r="860" spans="12:12">
      <c r="L860" s="8"/>
    </row>
    <row r="861" spans="12:12" ht="27" customHeight="1">
      <c r="L861" s="8"/>
    </row>
    <row r="862" spans="12:12">
      <c r="L862" s="8"/>
    </row>
    <row r="863" spans="12:12" ht="27" customHeight="1">
      <c r="L863" s="8"/>
    </row>
    <row r="864" spans="12:12">
      <c r="L864" s="8"/>
    </row>
    <row r="865" spans="12:12" ht="14" customHeight="1">
      <c r="L865" s="8"/>
    </row>
    <row r="866" spans="12:12">
      <c r="L866" s="8"/>
    </row>
    <row r="867" spans="12:12" ht="14" customHeight="1">
      <c r="L867" s="8"/>
    </row>
    <row r="868" spans="12:12">
      <c r="L868" s="8"/>
    </row>
    <row r="869" spans="12:12" ht="27" customHeight="1">
      <c r="L869" s="8"/>
    </row>
    <row r="870" spans="12:12">
      <c r="L870" s="8"/>
    </row>
    <row r="871" spans="12:12">
      <c r="L871" s="8"/>
    </row>
    <row r="872" spans="12:12">
      <c r="L872" s="8"/>
    </row>
    <row r="873" spans="12:12">
      <c r="L873" s="8"/>
    </row>
    <row r="874" spans="12:12">
      <c r="L874" s="8"/>
    </row>
    <row r="875" spans="12:12">
      <c r="L875" s="8"/>
    </row>
    <row r="876" spans="12:12">
      <c r="L876" s="8"/>
    </row>
    <row r="877" spans="12:12" ht="14" customHeight="1">
      <c r="L877" s="8"/>
    </row>
    <row r="878" spans="12:12">
      <c r="L878" s="8"/>
    </row>
    <row r="879" spans="12:12" ht="14" customHeight="1">
      <c r="L879" s="8"/>
    </row>
    <row r="880" spans="12:12">
      <c r="L880" s="8"/>
    </row>
    <row r="881" spans="12:12">
      <c r="L881" s="8"/>
    </row>
    <row r="882" spans="12:12">
      <c r="L882" s="8"/>
    </row>
    <row r="883" spans="12:12" ht="27" customHeight="1">
      <c r="L883" s="8"/>
    </row>
    <row r="884" spans="12:12">
      <c r="L884" s="8"/>
    </row>
    <row r="885" spans="12:12" ht="14" customHeight="1">
      <c r="L885" s="8"/>
    </row>
    <row r="886" spans="12:12">
      <c r="L886" s="8"/>
    </row>
    <row r="887" spans="12:12">
      <c r="L887" s="8"/>
    </row>
    <row r="888" spans="12:12">
      <c r="L888" s="8"/>
    </row>
    <row r="889" spans="12:12">
      <c r="L889" s="8"/>
    </row>
    <row r="890" spans="12:12" ht="27" customHeight="1">
      <c r="L890" s="8"/>
    </row>
    <row r="891" spans="12:12">
      <c r="L891" s="8"/>
    </row>
    <row r="892" spans="12:12">
      <c r="L892" s="8"/>
    </row>
    <row r="893" spans="12:12">
      <c r="L893" s="8"/>
    </row>
    <row r="894" spans="12:12">
      <c r="L894" s="8"/>
    </row>
    <row r="895" spans="12:12" ht="14" customHeight="1">
      <c r="L895" s="8"/>
    </row>
    <row r="896" spans="12:12">
      <c r="L896" s="8"/>
    </row>
    <row r="897" spans="12:12">
      <c r="L897" s="8"/>
    </row>
    <row r="898" spans="12:12">
      <c r="L898" s="8"/>
    </row>
    <row r="899" spans="12:12">
      <c r="L899" s="8"/>
    </row>
    <row r="900" spans="12:12">
      <c r="L900" s="8"/>
    </row>
    <row r="901" spans="12:12">
      <c r="L901" s="8"/>
    </row>
    <row r="902" spans="12:12" ht="14" customHeight="1">
      <c r="L902" s="8"/>
    </row>
    <row r="903" spans="12:12" ht="14" customHeight="1">
      <c r="L903" s="8"/>
    </row>
    <row r="904" spans="12:12">
      <c r="L904" s="8"/>
    </row>
    <row r="905" spans="12:12">
      <c r="L905" s="8"/>
    </row>
    <row r="906" spans="12:12">
      <c r="L906" s="8"/>
    </row>
    <row r="907" spans="12:12">
      <c r="L907" s="8"/>
    </row>
    <row r="908" spans="12:12">
      <c r="L908" s="8"/>
    </row>
    <row r="909" spans="12:12" ht="14" customHeight="1">
      <c r="L909" s="8"/>
    </row>
    <row r="910" spans="12:12">
      <c r="L910" s="8"/>
    </row>
    <row r="911" spans="12:12" ht="14" customHeight="1">
      <c r="L911" s="8"/>
    </row>
    <row r="912" spans="12:12">
      <c r="L912" s="8"/>
    </row>
    <row r="913" spans="12:12">
      <c r="L913" s="8"/>
    </row>
    <row r="914" spans="12:12">
      <c r="L914" s="8"/>
    </row>
    <row r="915" spans="12:12" ht="14" customHeight="1">
      <c r="L915" s="8"/>
    </row>
    <row r="916" spans="12:12" ht="14" customHeight="1">
      <c r="L916" s="8"/>
    </row>
    <row r="917" spans="12:12">
      <c r="L917" s="8"/>
    </row>
    <row r="918" spans="12:12" ht="14" customHeight="1">
      <c r="L918" s="8"/>
    </row>
    <row r="919" spans="12:12" ht="14" customHeight="1">
      <c r="L919" s="8"/>
    </row>
    <row r="920" spans="12:12">
      <c r="L920" s="8"/>
    </row>
    <row r="921" spans="12:12">
      <c r="L921" s="8"/>
    </row>
    <row r="922" spans="12:12">
      <c r="L922" s="8"/>
    </row>
    <row r="923" spans="12:12">
      <c r="L923" s="8"/>
    </row>
    <row r="924" spans="12:12">
      <c r="L924" s="8"/>
    </row>
    <row r="925" spans="12:12">
      <c r="L925" s="8"/>
    </row>
    <row r="926" spans="12:12">
      <c r="L926" s="8"/>
    </row>
    <row r="927" spans="12:12">
      <c r="L927" s="8"/>
    </row>
    <row r="928" spans="12:12">
      <c r="L928" s="8"/>
    </row>
    <row r="929" spans="12:12">
      <c r="L929" s="8"/>
    </row>
    <row r="930" spans="12:12">
      <c r="L930" s="8"/>
    </row>
    <row r="931" spans="12:12">
      <c r="L931" s="8"/>
    </row>
    <row r="932" spans="12:12">
      <c r="L932" s="8"/>
    </row>
    <row r="933" spans="12:12">
      <c r="L933" s="8"/>
    </row>
    <row r="934" spans="12:12">
      <c r="L934" s="8"/>
    </row>
    <row r="935" spans="12:12">
      <c r="L935" s="8"/>
    </row>
    <row r="936" spans="12:12">
      <c r="L936" s="8"/>
    </row>
    <row r="937" spans="12:12">
      <c r="L937" s="8"/>
    </row>
    <row r="938" spans="12:12" ht="14" customHeight="1">
      <c r="L938" s="8"/>
    </row>
    <row r="939" spans="12:12">
      <c r="L939" s="8"/>
    </row>
    <row r="940" spans="12:12">
      <c r="L940" s="8"/>
    </row>
    <row r="941" spans="12:12">
      <c r="L941" s="8"/>
    </row>
    <row r="942" spans="12:12" ht="27" customHeight="1">
      <c r="L942" s="8"/>
    </row>
    <row r="943" spans="12:12">
      <c r="L943" s="8"/>
    </row>
    <row r="944" spans="12:12">
      <c r="L944" s="8"/>
    </row>
    <row r="945" spans="12:12">
      <c r="L945" s="8"/>
    </row>
    <row r="946" spans="12:12">
      <c r="L946" s="8"/>
    </row>
    <row r="947" spans="12:12">
      <c r="L947" s="8"/>
    </row>
    <row r="948" spans="12:12">
      <c r="L948" s="8"/>
    </row>
    <row r="949" spans="12:12" ht="14" customHeight="1">
      <c r="L949" s="8"/>
    </row>
    <row r="950" spans="12:12" ht="14" customHeight="1">
      <c r="L950" s="8"/>
    </row>
    <row r="951" spans="12:12">
      <c r="L951" s="8"/>
    </row>
    <row r="952" spans="12:12">
      <c r="L952" s="8"/>
    </row>
    <row r="953" spans="12:12">
      <c r="L953" s="8"/>
    </row>
    <row r="954" spans="12:12" ht="27" customHeight="1">
      <c r="L954" s="8"/>
    </row>
    <row r="955" spans="12:12" ht="14" customHeight="1">
      <c r="L955" s="8"/>
    </row>
    <row r="956" spans="12:12" ht="14" customHeight="1">
      <c r="L956" s="8"/>
    </row>
    <row r="957" spans="12:12">
      <c r="L957" s="8"/>
    </row>
    <row r="958" spans="12:12">
      <c r="L958" s="8"/>
    </row>
    <row r="959" spans="12:12">
      <c r="L959" s="8"/>
    </row>
    <row r="960" spans="12:12">
      <c r="L960" s="8"/>
    </row>
    <row r="961" spans="12:12" ht="14" customHeight="1">
      <c r="L961" s="8"/>
    </row>
    <row r="962" spans="12:12">
      <c r="L962" s="8"/>
    </row>
    <row r="963" spans="12:12" ht="14" customHeight="1">
      <c r="L963" s="8"/>
    </row>
    <row r="964" spans="12:12">
      <c r="L964" s="8"/>
    </row>
    <row r="965" spans="12:12">
      <c r="L965" s="8"/>
    </row>
    <row r="966" spans="12:12">
      <c r="L966" s="8"/>
    </row>
    <row r="967" spans="12:12">
      <c r="L967" s="8"/>
    </row>
    <row r="968" spans="12:12">
      <c r="L968" s="8"/>
    </row>
    <row r="969" spans="12:12">
      <c r="L969" s="8"/>
    </row>
    <row r="970" spans="12:12">
      <c r="L970" s="8"/>
    </row>
    <row r="971" spans="12:12">
      <c r="L971" s="8"/>
    </row>
    <row r="972" spans="12:12">
      <c r="L972" s="8"/>
    </row>
    <row r="973" spans="12:12">
      <c r="L973" s="8"/>
    </row>
    <row r="974" spans="12:12">
      <c r="L974" s="8"/>
    </row>
    <row r="975" spans="12:12">
      <c r="L975" s="8"/>
    </row>
    <row r="976" spans="12:12">
      <c r="L976" s="8"/>
    </row>
    <row r="977" spans="12:12">
      <c r="L977" s="8"/>
    </row>
    <row r="978" spans="12:12">
      <c r="L978" s="8"/>
    </row>
    <row r="979" spans="12:12">
      <c r="L979" s="8"/>
    </row>
    <row r="980" spans="12:12">
      <c r="L980" s="8"/>
    </row>
    <row r="981" spans="12:12">
      <c r="L981" s="8"/>
    </row>
    <row r="982" spans="12:12">
      <c r="L982" s="8"/>
    </row>
    <row r="983" spans="12:12">
      <c r="L983" s="8"/>
    </row>
    <row r="984" spans="12:12">
      <c r="L984" s="8"/>
    </row>
    <row r="985" spans="12:12" ht="14" customHeight="1">
      <c r="L985" s="8"/>
    </row>
    <row r="986" spans="12:12">
      <c r="L986" s="8"/>
    </row>
    <row r="987" spans="12:12" ht="14" customHeight="1">
      <c r="L987" s="8"/>
    </row>
    <row r="988" spans="12:12">
      <c r="L988" s="8"/>
    </row>
    <row r="989" spans="12:12">
      <c r="L989" s="8"/>
    </row>
    <row r="990" spans="12:12">
      <c r="L990" s="8"/>
    </row>
    <row r="991" spans="12:12" ht="40.5" customHeight="1">
      <c r="L991" s="8"/>
    </row>
    <row r="992" spans="12:12">
      <c r="L992" s="8"/>
    </row>
    <row r="993" spans="12:12" ht="14" customHeight="1">
      <c r="L993" s="8"/>
    </row>
    <row r="994" spans="12:12">
      <c r="L994" s="8"/>
    </row>
    <row r="995" spans="12:12">
      <c r="L995" s="8"/>
    </row>
    <row r="996" spans="12:12" ht="14" customHeight="1">
      <c r="L996" s="8"/>
    </row>
    <row r="997" spans="12:12">
      <c r="L997" s="8"/>
    </row>
    <row r="998" spans="12:12" ht="14" customHeight="1">
      <c r="L998" s="8"/>
    </row>
    <row r="999" spans="12:12">
      <c r="L999" s="8"/>
    </row>
    <row r="1000" spans="12:12">
      <c r="L1000" s="8"/>
    </row>
    <row r="1001" spans="12:12" ht="14" customHeight="1">
      <c r="L1001" s="8"/>
    </row>
    <row r="1002" spans="12:12">
      <c r="L1002" s="8"/>
    </row>
    <row r="1003" spans="12:12" ht="14" customHeight="1">
      <c r="L1003" s="8"/>
    </row>
    <row r="1004" spans="12:12">
      <c r="L1004" s="8"/>
    </row>
    <row r="1005" spans="12:12">
      <c r="L1005" s="8"/>
    </row>
    <row r="1006" spans="12:12">
      <c r="L1006" s="8"/>
    </row>
    <row r="1007" spans="12:12">
      <c r="L1007" s="8"/>
    </row>
    <row r="1008" spans="12:12" ht="14" customHeight="1">
      <c r="L1008" s="8"/>
    </row>
    <row r="1009" spans="12:12">
      <c r="L1009" s="8"/>
    </row>
    <row r="1010" spans="12:12" ht="14" customHeight="1">
      <c r="L1010" s="8"/>
    </row>
    <row r="1011" spans="12:12">
      <c r="L1011" s="8"/>
    </row>
    <row r="1012" spans="12:12">
      <c r="L1012" s="8"/>
    </row>
    <row r="1013" spans="12:12" ht="14" customHeight="1">
      <c r="L1013" s="8"/>
    </row>
    <row r="1014" spans="12:12">
      <c r="L1014" s="8"/>
    </row>
    <row r="1015" spans="12:12" ht="14" customHeight="1">
      <c r="L1015" s="8"/>
    </row>
    <row r="1016" spans="12:12">
      <c r="L1016" s="8"/>
    </row>
    <row r="1017" spans="12:12" ht="14.5" customHeight="1">
      <c r="L1017" s="8"/>
    </row>
    <row r="1018" spans="12:12">
      <c r="L1018" s="8"/>
    </row>
    <row r="1019" spans="12:12" ht="14" customHeight="1">
      <c r="L1019" s="8"/>
    </row>
    <row r="1020" spans="12:12">
      <c r="L1020" s="8"/>
    </row>
    <row r="1021" spans="12:12" ht="14" customHeight="1">
      <c r="L1021" s="8"/>
    </row>
    <row r="1022" spans="12:12">
      <c r="L1022" s="8"/>
    </row>
    <row r="1023" spans="12:12" ht="40.5" customHeight="1">
      <c r="L1023" s="8"/>
    </row>
    <row r="1024" spans="12:12" ht="14" customHeight="1">
      <c r="L1024" s="8"/>
    </row>
    <row r="1025" spans="12:12">
      <c r="L1025" s="8"/>
    </row>
    <row r="1026" spans="12:12">
      <c r="L1026" s="8"/>
    </row>
    <row r="1027" spans="12:12" ht="14" customHeight="1">
      <c r="L1027" s="8"/>
    </row>
    <row r="1028" spans="12:12">
      <c r="L1028" s="8"/>
    </row>
    <row r="1029" spans="12:12">
      <c r="L1029" s="8"/>
    </row>
    <row r="1030" spans="12:12">
      <c r="L1030" s="8"/>
    </row>
    <row r="1031" spans="12:12" ht="14" customHeight="1">
      <c r="L1031" s="8"/>
    </row>
    <row r="1032" spans="12:12">
      <c r="L1032" s="8"/>
    </row>
    <row r="1033" spans="12:12" ht="14" customHeight="1">
      <c r="L1033" s="8"/>
    </row>
    <row r="1034" spans="12:12">
      <c r="L1034" s="8"/>
    </row>
    <row r="1035" spans="12:12">
      <c r="L1035" s="8"/>
    </row>
    <row r="1036" spans="12:12">
      <c r="L1036" s="8"/>
    </row>
    <row r="1037" spans="12:12" ht="14" customHeight="1">
      <c r="L1037" s="8"/>
    </row>
    <row r="1038" spans="12:12">
      <c r="L1038" s="8"/>
    </row>
    <row r="1039" spans="12:12">
      <c r="L1039" s="8"/>
    </row>
    <row r="1040" spans="12:12">
      <c r="L1040" s="8"/>
    </row>
    <row r="1041" spans="12:12">
      <c r="L1041" s="8"/>
    </row>
    <row r="1042" spans="12:12">
      <c r="L1042" s="8"/>
    </row>
    <row r="1043" spans="12:12">
      <c r="L1043" s="8"/>
    </row>
    <row r="1044" spans="12:12">
      <c r="L1044" s="8"/>
    </row>
    <row r="1045" spans="12:12">
      <c r="L1045" s="8"/>
    </row>
    <row r="1046" spans="12:12">
      <c r="L1046" s="8"/>
    </row>
    <row r="1047" spans="12:12">
      <c r="L1047" s="8"/>
    </row>
    <row r="1048" spans="12:12">
      <c r="L1048" s="8"/>
    </row>
    <row r="1049" spans="12:12">
      <c r="L1049" s="8"/>
    </row>
    <row r="1050" spans="12:12">
      <c r="L1050" s="8"/>
    </row>
    <row r="1051" spans="12:12">
      <c r="L1051" s="8"/>
    </row>
    <row r="1052" spans="12:12">
      <c r="L1052" s="8"/>
    </row>
    <row r="1053" spans="12:12">
      <c r="L1053" s="8"/>
    </row>
    <row r="1054" spans="12:12">
      <c r="L1054" s="8"/>
    </row>
    <row r="1055" spans="12:12">
      <c r="L1055" s="8"/>
    </row>
    <row r="1056" spans="12:12">
      <c r="L1056" s="8"/>
    </row>
    <row r="1057" spans="12:12">
      <c r="L1057" s="8"/>
    </row>
    <row r="1058" spans="12:12">
      <c r="L1058" s="8"/>
    </row>
    <row r="1059" spans="12:12" ht="40.5" customHeight="1">
      <c r="L1059" s="8"/>
    </row>
    <row r="1060" spans="12:12" ht="27" customHeight="1">
      <c r="L1060" s="8"/>
    </row>
    <row r="1061" spans="12:12" ht="28.5" customHeight="1">
      <c r="L1061" s="8"/>
    </row>
    <row r="1062" spans="12:12" ht="40.5" customHeight="1">
      <c r="L1062" s="8"/>
    </row>
    <row r="1063" spans="12:12" ht="40.5" customHeight="1">
      <c r="L1063" s="8"/>
    </row>
    <row r="1064" spans="12:12">
      <c r="L1064" s="8"/>
    </row>
    <row r="1065" spans="12:12" ht="26.25" customHeight="1">
      <c r="L1065" s="8"/>
    </row>
    <row r="1066" spans="12:12">
      <c r="L1066" s="8"/>
    </row>
    <row r="1067" spans="12:12">
      <c r="L1067" s="8"/>
    </row>
    <row r="1068" spans="12:12">
      <c r="L1068" s="8"/>
    </row>
    <row r="1069" spans="12:12">
      <c r="L1069" s="8"/>
    </row>
    <row r="1070" spans="12:12">
      <c r="L1070" s="8"/>
    </row>
    <row r="1071" spans="12:12">
      <c r="L1071" s="8"/>
    </row>
    <row r="1072" spans="12:12" ht="27" customHeight="1">
      <c r="L1072" s="8"/>
    </row>
    <row r="1073" spans="12:12" ht="40.5" customHeight="1">
      <c r="L1073" s="8"/>
    </row>
    <row r="1074" spans="12:12">
      <c r="L1074" s="8"/>
    </row>
    <row r="1075" spans="12:12" ht="27" customHeight="1">
      <c r="L1075" s="8"/>
    </row>
    <row r="1076" spans="12:12">
      <c r="L1076" s="8"/>
    </row>
    <row r="1077" spans="12:12">
      <c r="L1077" s="8"/>
    </row>
    <row r="1078" spans="12:12">
      <c r="L1078" s="8"/>
    </row>
    <row r="1079" spans="12:12">
      <c r="L1079" s="8"/>
    </row>
    <row r="1080" spans="12:12">
      <c r="L1080" s="8"/>
    </row>
    <row r="1081" spans="12:12">
      <c r="L1081" s="8"/>
    </row>
    <row r="1082" spans="12:12">
      <c r="L1082" s="8"/>
    </row>
    <row r="1083" spans="12:12">
      <c r="L1083" s="8"/>
    </row>
    <row r="1084" spans="12:12">
      <c r="L1084" s="8"/>
    </row>
    <row r="1085" spans="12:12">
      <c r="L1085" s="8"/>
    </row>
    <row r="1086" spans="12:12">
      <c r="L1086" s="8"/>
    </row>
    <row r="1087" spans="12:12">
      <c r="L1087" s="8"/>
    </row>
    <row r="1088" spans="12:12">
      <c r="L1088" s="8"/>
    </row>
    <row r="1089" spans="12:12">
      <c r="L1089" s="8"/>
    </row>
    <row r="1090" spans="12:12">
      <c r="L1090" s="8"/>
    </row>
    <row r="1091" spans="12:12">
      <c r="L1091" s="8"/>
    </row>
    <row r="1092" spans="12:12">
      <c r="L1092" s="8"/>
    </row>
    <row r="1093" spans="12:12">
      <c r="L1093" s="8"/>
    </row>
    <row r="1094" spans="12:12">
      <c r="L1094" s="8"/>
    </row>
    <row r="1095" spans="12:12">
      <c r="L1095" s="8"/>
    </row>
    <row r="1096" spans="12:12">
      <c r="L1096" s="8"/>
    </row>
    <row r="1097" spans="12:12">
      <c r="L1097" s="8"/>
    </row>
    <row r="1098" spans="12:12">
      <c r="L1098" s="8"/>
    </row>
    <row r="1099" spans="12:12">
      <c r="L1099" s="8"/>
    </row>
    <row r="1100" spans="12:12">
      <c r="L1100" s="8"/>
    </row>
    <row r="1101" spans="12:12">
      <c r="L1101" s="8"/>
    </row>
    <row r="1102" spans="12:12">
      <c r="L1102" s="8"/>
    </row>
    <row r="1103" spans="12:12">
      <c r="L1103" s="8"/>
    </row>
    <row r="1104" spans="12:12">
      <c r="L1104" s="8"/>
    </row>
    <row r="1105" spans="12:12">
      <c r="L1105" s="8"/>
    </row>
    <row r="1106" spans="12:12">
      <c r="L1106" s="8"/>
    </row>
    <row r="1107" spans="12:12">
      <c r="L1107" s="8"/>
    </row>
    <row r="1108" spans="12:12">
      <c r="L1108" s="8"/>
    </row>
    <row r="1109" spans="12:12">
      <c r="L1109" s="8"/>
    </row>
    <row r="1110" spans="12:12">
      <c r="L1110" s="8"/>
    </row>
    <row r="1111" spans="12:12">
      <c r="L1111" s="8"/>
    </row>
    <row r="1112" spans="12:12">
      <c r="L1112" s="8"/>
    </row>
    <row r="1113" spans="12:12">
      <c r="L1113" s="8"/>
    </row>
    <row r="1114" spans="12:12">
      <c r="L1114" s="8"/>
    </row>
    <row r="1115" spans="12:12">
      <c r="L1115" s="8"/>
    </row>
    <row r="1116" spans="12:12">
      <c r="L1116" s="8"/>
    </row>
    <row r="1117" spans="12:12">
      <c r="L1117" s="8"/>
    </row>
    <row r="1118" spans="12:12">
      <c r="L1118" s="8"/>
    </row>
    <row r="1119" spans="12:12">
      <c r="L1119" s="8"/>
    </row>
    <row r="1120" spans="12:12">
      <c r="L1120" s="8"/>
    </row>
    <row r="1121" spans="12:12">
      <c r="L1121" s="8"/>
    </row>
    <row r="1122" spans="12:12">
      <c r="L1122" s="8"/>
    </row>
    <row r="1123" spans="12:12">
      <c r="L1123" s="8"/>
    </row>
    <row r="1124" spans="12:12">
      <c r="L1124" s="8"/>
    </row>
    <row r="1125" spans="12:12">
      <c r="L1125" s="8"/>
    </row>
    <row r="1126" spans="12:12">
      <c r="L1126" s="8"/>
    </row>
    <row r="1127" spans="12:12" ht="40.5" customHeight="1">
      <c r="L1127" s="8"/>
    </row>
    <row r="1128" spans="12:12">
      <c r="L1128" s="8"/>
    </row>
    <row r="1129" spans="12:12" ht="40.5" customHeight="1">
      <c r="L1129" s="8"/>
    </row>
    <row r="1130" spans="12:12" ht="14" customHeight="1">
      <c r="L1130" s="8"/>
    </row>
    <row r="1131" spans="12:12" ht="14" customHeight="1">
      <c r="L1131" s="8"/>
    </row>
    <row r="1132" spans="12:12" ht="14" customHeight="1">
      <c r="L1132" s="8"/>
    </row>
    <row r="1133" spans="12:12">
      <c r="L1133" s="8"/>
    </row>
    <row r="1134" spans="12:12">
      <c r="L1134" s="8"/>
    </row>
    <row r="1135" spans="12:12">
      <c r="L1135" s="8"/>
    </row>
    <row r="1136" spans="12:12">
      <c r="L1136" s="8"/>
    </row>
    <row r="1137" spans="12:12" ht="14" customHeight="1">
      <c r="L1137" s="8"/>
    </row>
    <row r="1138" spans="12:12">
      <c r="L1138" s="8"/>
    </row>
    <row r="1139" spans="12:12" ht="14" customHeight="1">
      <c r="L1139" s="8"/>
    </row>
    <row r="1140" spans="12:12">
      <c r="L1140" s="8"/>
    </row>
    <row r="1141" spans="12:12">
      <c r="L1141" s="8"/>
    </row>
    <row r="1142" spans="12:12" ht="14" customHeight="1">
      <c r="L1142" s="8"/>
    </row>
    <row r="1143" spans="12:12">
      <c r="L1143" s="8"/>
    </row>
    <row r="1144" spans="12:12" ht="14" customHeight="1">
      <c r="L1144" s="8"/>
    </row>
    <row r="1145" spans="12:12">
      <c r="L1145" s="8"/>
    </row>
    <row r="1146" spans="12:12" ht="14" customHeight="1">
      <c r="L1146" s="8"/>
    </row>
    <row r="1147" spans="12:12">
      <c r="L1147" s="8"/>
    </row>
    <row r="1148" spans="12:12" ht="14" customHeight="1">
      <c r="L1148" s="8"/>
    </row>
    <row r="1149" spans="12:12">
      <c r="L1149" s="8"/>
    </row>
    <row r="1150" spans="12:12">
      <c r="L1150" s="8"/>
    </row>
    <row r="1151" spans="12:12">
      <c r="L1151" s="8"/>
    </row>
    <row r="1152" spans="12:12">
      <c r="L1152" s="8"/>
    </row>
    <row r="1153" spans="12:12">
      <c r="L1153" s="8"/>
    </row>
    <row r="1154" spans="12:12">
      <c r="L1154" s="8"/>
    </row>
    <row r="1155" spans="12:12">
      <c r="L1155" s="8"/>
    </row>
    <row r="1156" spans="12:12">
      <c r="L1156" s="8"/>
    </row>
    <row r="1157" spans="12:12">
      <c r="L1157" s="8"/>
    </row>
    <row r="1158" spans="12:12">
      <c r="L1158" s="8"/>
    </row>
    <row r="1159" spans="12:12" ht="14" customHeight="1">
      <c r="L1159" s="8"/>
    </row>
    <row r="1160" spans="12:12">
      <c r="L1160" s="8"/>
    </row>
    <row r="1161" spans="12:12">
      <c r="L1161" s="8"/>
    </row>
    <row r="1162" spans="12:12" ht="14" customHeight="1">
      <c r="L1162" s="8"/>
    </row>
    <row r="1163" spans="12:12">
      <c r="L1163" s="8"/>
    </row>
    <row r="1164" spans="12:12" ht="14" customHeight="1">
      <c r="L1164" s="8"/>
    </row>
    <row r="1165" spans="12:12">
      <c r="L1165" s="8"/>
    </row>
    <row r="1166" spans="12:12" ht="14" customHeight="1">
      <c r="L1166" s="8"/>
    </row>
    <row r="1167" spans="12:12">
      <c r="L1167" s="8"/>
    </row>
    <row r="1168" spans="12:12">
      <c r="L1168" s="8"/>
    </row>
    <row r="1169" spans="1:12" ht="14" customHeight="1">
      <c r="L1169" s="8"/>
    </row>
    <row r="1170" spans="1:12">
      <c r="L1170" s="8"/>
    </row>
    <row r="1171" spans="1:12">
      <c r="L1171" s="8"/>
    </row>
    <row r="1172" spans="1:12" ht="14" customHeight="1">
      <c r="L1172" s="8"/>
    </row>
    <row r="1173" spans="1:12">
      <c r="L1173" s="8"/>
    </row>
    <row r="1174" spans="1:12" ht="27.75" customHeight="1">
      <c r="L1174" s="8"/>
    </row>
    <row r="1175" spans="1:12" ht="18" customHeight="1">
      <c r="L1175" s="8"/>
    </row>
    <row r="1176" spans="1:12" ht="18" customHeight="1">
      <c r="L1176" s="8"/>
    </row>
    <row r="1177" spans="1:12" ht="18" customHeight="1">
      <c r="L1177" s="8"/>
    </row>
    <row r="1178" spans="1:12" ht="18" customHeight="1">
      <c r="L1178" s="8"/>
    </row>
    <row r="1179" spans="1:12" s="5" customFormat="1" ht="18" customHeight="1">
      <c r="A1179" s="13"/>
      <c r="B1179" s="2"/>
      <c r="C1179" s="2"/>
      <c r="D1179" s="2"/>
      <c r="E1179" s="2"/>
      <c r="F1179" s="9"/>
      <c r="I1179" s="10"/>
      <c r="J1179" s="11"/>
      <c r="K1179" s="12"/>
    </row>
    <row r="1180" spans="1:12" s="5" customFormat="1" ht="18" customHeight="1">
      <c r="A1180" s="13"/>
      <c r="B1180" s="2"/>
      <c r="C1180" s="2"/>
      <c r="D1180" s="2"/>
      <c r="E1180" s="2"/>
      <c r="F1180" s="9"/>
      <c r="I1180" s="10"/>
      <c r="J1180" s="11"/>
      <c r="K1180" s="12"/>
    </row>
    <row r="1181" spans="1:12" s="5" customFormat="1" ht="18" customHeight="1">
      <c r="A1181" s="13"/>
      <c r="B1181" s="2"/>
      <c r="C1181" s="2"/>
      <c r="D1181" s="2"/>
      <c r="E1181" s="2"/>
      <c r="F1181" s="9"/>
      <c r="I1181" s="10"/>
      <c r="J1181" s="11"/>
      <c r="K1181" s="12"/>
    </row>
    <row r="1182" spans="1:12" s="5" customFormat="1" ht="18" customHeight="1">
      <c r="A1182" s="13"/>
      <c r="B1182" s="2"/>
      <c r="C1182" s="2"/>
      <c r="D1182" s="2"/>
      <c r="E1182" s="2"/>
      <c r="F1182" s="9"/>
      <c r="I1182" s="10"/>
      <c r="J1182" s="11"/>
      <c r="K1182" s="12"/>
    </row>
    <row r="1183" spans="1:12" s="5" customFormat="1" ht="18" customHeight="1">
      <c r="A1183" s="13"/>
      <c r="B1183" s="2"/>
      <c r="C1183" s="2"/>
      <c r="D1183" s="2"/>
      <c r="E1183" s="2"/>
      <c r="F1183" s="9"/>
      <c r="I1183" s="10"/>
      <c r="J1183" s="11"/>
      <c r="K1183" s="12"/>
    </row>
    <row r="1184" spans="1:12" s="5" customFormat="1" ht="18" customHeight="1">
      <c r="A1184" s="13"/>
      <c r="B1184" s="2"/>
      <c r="C1184" s="2"/>
      <c r="D1184" s="2"/>
      <c r="E1184" s="2"/>
      <c r="F1184" s="9"/>
      <c r="I1184" s="10"/>
      <c r="J1184" s="11"/>
      <c r="K1184" s="12"/>
    </row>
    <row r="1185" spans="1:12" s="5" customFormat="1" ht="18" customHeight="1">
      <c r="A1185" s="13"/>
      <c r="B1185" s="2"/>
      <c r="C1185" s="2"/>
      <c r="D1185" s="2"/>
      <c r="E1185" s="2"/>
      <c r="F1185" s="9"/>
      <c r="I1185" s="10"/>
      <c r="J1185" s="11"/>
      <c r="K1185" s="12"/>
    </row>
    <row r="1186" spans="1:12" s="5" customFormat="1" ht="18" customHeight="1">
      <c r="A1186" s="13"/>
      <c r="B1186" s="2"/>
      <c r="C1186" s="2"/>
      <c r="D1186" s="2"/>
      <c r="E1186" s="2"/>
      <c r="F1186" s="9"/>
      <c r="I1186" s="10"/>
      <c r="J1186" s="11"/>
      <c r="K1186" s="12"/>
    </row>
    <row r="1187" spans="1:12" s="5" customFormat="1" ht="18" customHeight="1">
      <c r="A1187" s="13"/>
      <c r="B1187" s="2"/>
      <c r="C1187" s="2"/>
      <c r="D1187" s="2"/>
      <c r="E1187" s="2"/>
      <c r="F1187" s="9"/>
      <c r="I1187" s="10"/>
      <c r="J1187" s="11"/>
      <c r="K1187" s="12"/>
    </row>
    <row r="1188" spans="1:12" s="5" customFormat="1" ht="18" customHeight="1">
      <c r="A1188" s="13"/>
      <c r="B1188" s="2"/>
      <c r="C1188" s="2"/>
      <c r="D1188" s="2"/>
      <c r="E1188" s="2"/>
      <c r="F1188" s="9"/>
      <c r="I1188" s="10"/>
      <c r="J1188" s="11"/>
      <c r="K1188" s="12"/>
    </row>
    <row r="1189" spans="1:12" s="5" customFormat="1" ht="18" customHeight="1">
      <c r="A1189" s="13"/>
      <c r="B1189" s="2"/>
      <c r="C1189" s="2"/>
      <c r="D1189" s="2"/>
      <c r="E1189" s="2"/>
      <c r="F1189" s="9"/>
      <c r="I1189" s="10"/>
      <c r="J1189" s="11"/>
      <c r="K1189" s="12"/>
    </row>
    <row r="1190" spans="1:12" s="5" customFormat="1" ht="18" customHeight="1">
      <c r="A1190" s="13"/>
      <c r="B1190" s="2"/>
      <c r="C1190" s="2"/>
      <c r="D1190" s="2"/>
      <c r="E1190" s="2"/>
      <c r="F1190" s="9"/>
      <c r="I1190" s="10"/>
      <c r="J1190" s="11"/>
      <c r="K1190" s="12"/>
    </row>
    <row r="1191" spans="1:12" s="5" customFormat="1" ht="18" customHeight="1">
      <c r="A1191" s="13"/>
      <c r="B1191" s="2"/>
      <c r="C1191" s="2"/>
      <c r="D1191" s="2"/>
      <c r="E1191" s="2"/>
      <c r="F1191" s="9"/>
      <c r="I1191" s="10"/>
      <c r="J1191" s="11"/>
      <c r="K1191" s="12"/>
    </row>
    <row r="1192" spans="1:12" s="5" customFormat="1" ht="18" customHeight="1">
      <c r="A1192" s="13"/>
      <c r="B1192" s="2"/>
      <c r="C1192" s="2"/>
      <c r="D1192" s="2"/>
      <c r="E1192" s="2"/>
      <c r="F1192" s="9"/>
      <c r="I1192" s="10"/>
      <c r="J1192" s="11"/>
      <c r="K1192" s="12"/>
    </row>
    <row r="1193" spans="1:12" s="5" customFormat="1" ht="18" customHeight="1">
      <c r="A1193" s="13"/>
      <c r="B1193" s="2"/>
      <c r="C1193" s="2"/>
      <c r="D1193" s="2"/>
      <c r="E1193" s="2"/>
      <c r="F1193" s="9"/>
      <c r="I1193" s="10"/>
      <c r="J1193" s="11"/>
      <c r="K1193" s="12"/>
    </row>
    <row r="1194" spans="1:12" s="5" customFormat="1" ht="18" customHeight="1">
      <c r="A1194" s="13"/>
      <c r="B1194" s="2"/>
      <c r="C1194" s="2"/>
      <c r="D1194" s="2"/>
      <c r="E1194" s="2"/>
      <c r="F1194" s="9"/>
      <c r="I1194" s="10"/>
      <c r="J1194" s="11"/>
      <c r="K1194" s="12"/>
    </row>
    <row r="1195" spans="1:12" s="5" customFormat="1" ht="18.75" customHeight="1">
      <c r="A1195" s="13"/>
      <c r="B1195" s="2"/>
      <c r="C1195" s="2"/>
      <c r="D1195" s="2"/>
      <c r="E1195" s="2"/>
      <c r="F1195" s="9"/>
      <c r="I1195" s="10"/>
      <c r="J1195" s="11"/>
      <c r="K1195" s="12"/>
    </row>
    <row r="1196" spans="1:12" s="5" customFormat="1" ht="18.75" customHeight="1">
      <c r="A1196" s="13"/>
      <c r="B1196" s="2"/>
      <c r="C1196" s="2"/>
      <c r="D1196" s="2"/>
      <c r="E1196" s="2"/>
      <c r="F1196" s="9"/>
      <c r="I1196" s="10"/>
      <c r="J1196" s="11"/>
      <c r="K1196" s="12"/>
    </row>
    <row r="1197" spans="1:12" ht="18" customHeight="1">
      <c r="L1197" s="8"/>
    </row>
  </sheetData>
  <mergeCells count="18">
    <mergeCell ref="J1:K1"/>
    <mergeCell ref="B6:E7"/>
    <mergeCell ref="F6:F7"/>
    <mergeCell ref="J6:K7"/>
    <mergeCell ref="G4:H4"/>
    <mergeCell ref="B20:E20"/>
    <mergeCell ref="C16:E16"/>
    <mergeCell ref="D17:E17"/>
    <mergeCell ref="B15:E15"/>
    <mergeCell ref="B8:E8"/>
    <mergeCell ref="C9:E9"/>
    <mergeCell ref="D10:E10"/>
    <mergeCell ref="A33:E33"/>
    <mergeCell ref="D29:E29"/>
    <mergeCell ref="C28:E28"/>
    <mergeCell ref="B27:E27"/>
    <mergeCell ref="C21:E21"/>
    <mergeCell ref="D22:E22"/>
  </mergeCells>
  <phoneticPr fontId="5"/>
  <conditionalFormatting sqref="G31:H32 G27:H29 G16:H22 H14 H12 G8:G15 H10:I10">
    <cfRule type="expression" dxfId="30" priority="585">
      <formula>G8=""</formula>
    </cfRule>
  </conditionalFormatting>
  <conditionalFormatting sqref="H24">
    <cfRule type="expression" dxfId="29" priority="523">
      <formula>H24=""</formula>
    </cfRule>
  </conditionalFormatting>
  <conditionalFormatting sqref="H25">
    <cfRule type="expression" dxfId="28" priority="360">
      <formula>H25=""</formula>
    </cfRule>
  </conditionalFormatting>
  <conditionalFormatting sqref="H26">
    <cfRule type="expression" dxfId="27" priority="254">
      <formula>H26=""</formula>
    </cfRule>
  </conditionalFormatting>
  <conditionalFormatting sqref="H8:H9 H13 H15 G23:H23 H11">
    <cfRule type="expression" dxfId="26" priority="236">
      <formula>G8=""</formula>
    </cfRule>
  </conditionalFormatting>
  <conditionalFormatting sqref="G30:H30">
    <cfRule type="expression" dxfId="25" priority="229">
      <formula>G30=""</formula>
    </cfRule>
  </conditionalFormatting>
  <conditionalFormatting sqref="G33:I33">
    <cfRule type="expression" dxfId="24" priority="212">
      <formula>G33=""</formula>
    </cfRule>
  </conditionalFormatting>
  <conditionalFormatting sqref="G24">
    <cfRule type="expression" dxfId="23" priority="176">
      <formula>G24=""</formula>
    </cfRule>
  </conditionalFormatting>
  <conditionalFormatting sqref="G25">
    <cfRule type="expression" dxfId="22" priority="73">
      <formula>G25=""</formula>
    </cfRule>
  </conditionalFormatting>
  <conditionalFormatting sqref="G26">
    <cfRule type="expression" dxfId="21" priority="13">
      <formula>G26=""</formula>
    </cfRule>
  </conditionalFormatting>
  <conditionalFormatting sqref="E33">
    <cfRule type="expression" dxfId="20" priority="184515">
      <formula>#REF!="○"</formula>
    </cfRule>
  </conditionalFormatting>
  <conditionalFormatting sqref="E32">
    <cfRule type="expression" dxfId="19" priority="184516">
      <formula>#REF!="○"</formula>
    </cfRule>
  </conditionalFormatting>
  <conditionalFormatting sqref="E31">
    <cfRule type="expression" dxfId="18" priority="184517">
      <formula>#REF!="○"</formula>
    </cfRule>
  </conditionalFormatting>
  <conditionalFormatting sqref="E29:E30">
    <cfRule type="expression" dxfId="17" priority="184518">
      <formula>#REF!="○"</formula>
    </cfRule>
  </conditionalFormatting>
  <conditionalFormatting sqref="E28">
    <cfRule type="expression" dxfId="16" priority="184519">
      <formula>#REF!="○"</formula>
    </cfRule>
  </conditionalFormatting>
  <conditionalFormatting sqref="E27">
    <cfRule type="expression" dxfId="15" priority="184520">
      <formula>#REF!="○"</formula>
    </cfRule>
  </conditionalFormatting>
  <conditionalFormatting sqref="E26">
    <cfRule type="expression" dxfId="14" priority="184521">
      <formula>#REF!="○"</formula>
    </cfRule>
  </conditionalFormatting>
  <conditionalFormatting sqref="E24">
    <cfRule type="expression" dxfId="13" priority="184522">
      <formula>#REF!="○"</formula>
    </cfRule>
  </conditionalFormatting>
  <conditionalFormatting sqref="E25">
    <cfRule type="expression" dxfId="12" priority="184523">
      <formula>#REF!="○"</formula>
    </cfRule>
  </conditionalFormatting>
  <conditionalFormatting sqref="E23">
    <cfRule type="expression" dxfId="11" priority="184524">
      <formula>#REF!="○"</formula>
    </cfRule>
  </conditionalFormatting>
  <conditionalFormatting sqref="E21:E22">
    <cfRule type="expression" dxfId="10" priority="184525">
      <formula>#REF!="○"</formula>
    </cfRule>
  </conditionalFormatting>
  <conditionalFormatting sqref="E20">
    <cfRule type="expression" dxfId="9" priority="184526">
      <formula>#REF!="○"</formula>
    </cfRule>
  </conditionalFormatting>
  <conditionalFormatting sqref="E19">
    <cfRule type="expression" dxfId="8" priority="184527">
      <formula>#REF!="○"</formula>
    </cfRule>
  </conditionalFormatting>
  <conditionalFormatting sqref="E18">
    <cfRule type="expression" dxfId="7" priority="184528">
      <formula>#REF!="○"</formula>
    </cfRule>
  </conditionalFormatting>
  <conditionalFormatting sqref="E16:E17">
    <cfRule type="expression" dxfId="6" priority="184529">
      <formula>#REF!="○"</formula>
    </cfRule>
  </conditionalFormatting>
  <conditionalFormatting sqref="E15">
    <cfRule type="expression" dxfId="5" priority="184530">
      <formula>#REF!="○"</formula>
    </cfRule>
  </conditionalFormatting>
  <conditionalFormatting sqref="E14">
    <cfRule type="expression" dxfId="4" priority="184531">
      <formula>#REF!="○"</formula>
    </cfRule>
  </conditionalFormatting>
  <conditionalFormatting sqref="E13">
    <cfRule type="expression" dxfId="3" priority="184532">
      <formula>#REF!="○"</formula>
    </cfRule>
  </conditionalFormatting>
  <conditionalFormatting sqref="E12">
    <cfRule type="expression" dxfId="2" priority="184533">
      <formula>#REF!="○"</formula>
    </cfRule>
  </conditionalFormatting>
  <conditionalFormatting sqref="E11">
    <cfRule type="expression" dxfId="1" priority="184534">
      <formula>#REF!="○"</formula>
    </cfRule>
  </conditionalFormatting>
  <conditionalFormatting sqref="E8:E10">
    <cfRule type="expression" dxfId="0" priority="184535">
      <formula>#REF!="○"</formula>
    </cfRule>
  </conditionalFormatting>
  <pageMargins left="0.78740157480314965" right="0.47244094488188981" top="0.51181102362204722" bottom="0.31496062992125984" header="0.31496062992125984" footer="0.31496062992125984"/>
  <pageSetup paperSize="9" scale="8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歳入予算一覧</vt:lpstr>
      <vt:lpstr>歳入予算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2-02-10T06:54:17Z</dcterms:created>
  <dcterms:modified xsi:type="dcterms:W3CDTF">2022-03-30T02:12:44Z</dcterms:modified>
</cp:coreProperties>
</file>